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JPG" ContentType="image/jpe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0827"/>
  <workbookPr autoCompressPictures="0"/>
  <mc:AlternateContent xmlns:mc="http://schemas.openxmlformats.org/markup-compatibility/2006">
    <mc:Choice Requires="x15">
      <x15ac:absPath xmlns:x15ac="http://schemas.microsoft.com/office/spreadsheetml/2010/11/ac" url="C:\Users\s431240\Dropbox\2017 RWS\RWS Data\RWS DataTables\Data Tables by Regions and Groups\RDAsLGAs regions\"/>
    </mc:Choice>
  </mc:AlternateContent>
  <xr:revisionPtr revIDLastSave="0" documentId="13_ncr:1_{56AA2DD0-6FC6-4729-A029-AF879845BA74}" xr6:coauthVersionLast="37" xr6:coauthVersionMax="37" xr10:uidLastSave="{00000000-0000-0000-0000-000000000000}"/>
  <bookViews>
    <workbookView xWindow="2085" yWindow="225" windowWidth="20370" windowHeight="11700" tabRatio="909" xr2:uid="{00000000-000D-0000-FFFF-FFFF00000000}"/>
  </bookViews>
  <sheets>
    <sheet name="Cover" sheetId="2" r:id="rId1"/>
    <sheet name="Explanatory notes" sheetId="11" r:id="rId2"/>
    <sheet name="About the region" sheetId="10" r:id="rId3"/>
    <sheet name="Index of tables" sheetId="3" r:id="rId4"/>
    <sheet name="1 IndividualWellbeing" sheetId="12" r:id="rId5"/>
    <sheet name="2 CommunityWellbeing" sheetId="22" r:id="rId6"/>
    <sheet name="3 FinancialCapital" sheetId="13" r:id="rId7"/>
    <sheet name="4 HumanCapital" sheetId="17" r:id="rId8"/>
    <sheet name="5 InstitutionalCapital" sheetId="18" r:id="rId9"/>
    <sheet name="6 SocialCapital" sheetId="19" r:id="rId10"/>
    <sheet name="7 PhysicalCapital" sheetId="20" r:id="rId11"/>
    <sheet name="8 NaturalCapital" sheetId="21" r:id="rId12"/>
  </sheets>
  <calcPr calcId="179021"/>
</workbook>
</file>

<file path=xl/sharedStrings.xml><?xml version="1.0" encoding="utf-8"?>
<sst xmlns="http://schemas.openxmlformats.org/spreadsheetml/2006/main" count="2412" uniqueCount="498">
  <si>
    <t>Index of data tables</t>
  </si>
  <si>
    <t>Household financial wellbeing</t>
  </si>
  <si>
    <t>Why aren't data from every survey question reported for every region?</t>
  </si>
  <si>
    <t>General health</t>
  </si>
  <si>
    <t>Community leadership and collaboration</t>
  </si>
  <si>
    <t>Wellbeing</t>
  </si>
  <si>
    <t>Global Life Satisfaction</t>
  </si>
  <si>
    <t>Personal Wellbeing Index</t>
  </si>
  <si>
    <t>Satisfaction with life as a whole (average score, from a possible 0-100)</t>
  </si>
  <si>
    <t>Personal wellbeing (average score, from a possible 0-100)</t>
  </si>
  <si>
    <t>Community economic wellbeing</t>
  </si>
  <si>
    <t>Having a say and being heard</t>
  </si>
  <si>
    <t>Spending time with friends and family</t>
  </si>
  <si>
    <t>Sense of belonging</t>
  </si>
  <si>
    <t>Sense of belonging
 (average score, from a possible 1-7)</t>
  </si>
  <si>
    <t>Access to telecommunications</t>
  </si>
  <si>
    <t>Landscape and aesthetics</t>
  </si>
  <si>
    <t>Perceived environmental health</t>
  </si>
  <si>
    <t>Determinants of Wellbeing</t>
  </si>
  <si>
    <t>General health (average score, from a possible 1-5)</t>
  </si>
  <si>
    <t>Household financial wellbeing (average score, from a possible 1-7)</t>
  </si>
  <si>
    <t>Community economic wellbeing (average score, from a possible 1-7)</t>
  </si>
  <si>
    <t>Community leadership and collaboration (average score, from a possible 1-7)</t>
  </si>
  <si>
    <t>Having a say and being heard (average score, from a possible 1-7)</t>
  </si>
  <si>
    <t>Spending time with friends and family (average score, from a possible 1-7)</t>
  </si>
  <si>
    <t>Getting involved in the community (average score, from a possible 1-7)</t>
  </si>
  <si>
    <t>Access to telecommunications (average score, from a possible 1-7)</t>
  </si>
  <si>
    <t>Crime and safety (average score, from a possible 1-7)</t>
  </si>
  <si>
    <t>Landscape and aesthetics (average score, from a possible 1-7)</t>
  </si>
  <si>
    <t>Perceived environmental health (average score, from a possible 1-7)</t>
  </si>
  <si>
    <t>Volunteering</t>
  </si>
  <si>
    <t>General health - distribution of responses</t>
  </si>
  <si>
    <t>Personal Wellbeing Domains</t>
  </si>
  <si>
    <t xml:space="preserve">Community wellbeing measures </t>
  </si>
  <si>
    <t xml:space="preserve">Changes in community liveability </t>
  </si>
  <si>
    <t>Household financial measures</t>
  </si>
  <si>
    <t>Financial distress</t>
  </si>
  <si>
    <t>Community economic measures</t>
  </si>
  <si>
    <t>Self-efficacy</t>
  </si>
  <si>
    <t>Self-efficacy measures</t>
  </si>
  <si>
    <t>Institutional capital</t>
  </si>
  <si>
    <t>Human capital</t>
  </si>
  <si>
    <t>Financial capital</t>
  </si>
  <si>
    <t>Having a say and being heard measures</t>
  </si>
  <si>
    <t>Equity and inclusion</t>
  </si>
  <si>
    <t>Social capital</t>
  </si>
  <si>
    <t>Spending time with friends and family measures</t>
  </si>
  <si>
    <t>Getting involved measures</t>
  </si>
  <si>
    <t>Physical capital</t>
  </si>
  <si>
    <t xml:space="preserve">Access to roads and public transport </t>
  </si>
  <si>
    <t>Access to food and retail shops</t>
  </si>
  <si>
    <t>Crime and safety in the local community</t>
  </si>
  <si>
    <t>Crime and safety in the local community measures</t>
  </si>
  <si>
    <t>Landscape and aesthetics measures</t>
  </si>
  <si>
    <t>Natural capital</t>
  </si>
  <si>
    <t>Perceived environmental health measures</t>
  </si>
  <si>
    <t>Personal wellbeing domains</t>
  </si>
  <si>
    <t>Each individual item used to create the Personal Wellbeing Index is presented individually.</t>
  </si>
  <si>
    <t>Feeling life is worthwhile (average score, from a possible 0-100)</t>
  </si>
  <si>
    <t>Community wellbeing measures</t>
  </si>
  <si>
    <t xml:space="preserve">Each individual item used to create the Community Wellbeing Index is presented individually. </t>
  </si>
  <si>
    <t>Changes in liveability ('getting worse' (1) to 'getting better' (7))</t>
  </si>
  <si>
    <t>Likelihood of shifting</t>
  </si>
  <si>
    <t>Wellbeing of people</t>
  </si>
  <si>
    <t>Wellbeing of communities</t>
  </si>
  <si>
    <t>Each individual item used to create the 'household financial wellbeing' scale is presented individually</t>
  </si>
  <si>
    <t>Financial distress ('no financial distress' (0) to 'highest level of financial distress' (10))</t>
  </si>
  <si>
    <t>Each individual item used to create the 'community economic wellbeing' scale is presented individually</t>
  </si>
  <si>
    <t>Self-efficacy (average score, from a possible 1-7)</t>
  </si>
  <si>
    <t>Each individual item used to create the 'self-efficacy' scale is presented individually</t>
  </si>
  <si>
    <t>Institutional Capital</t>
  </si>
  <si>
    <t>Each individual item used to create the 'having a say and being heard' scale is presented individually</t>
  </si>
  <si>
    <t>Equity and inclusion (average score, from a possible 1-7)</t>
  </si>
  <si>
    <t>Each individual item used to create the 'spending time with friends and family' scale is presented individually</t>
  </si>
  <si>
    <t>Each individual item used to create the 'getting involved' scale is presented individually</t>
  </si>
  <si>
    <t>Participation in volunteering - distribution of responses</t>
  </si>
  <si>
    <t>Access to roads and public transport (average score, from a possible 1-7)</t>
  </si>
  <si>
    <t>Access to food and retail shops  (average score, from a possible 1-7)</t>
  </si>
  <si>
    <t>Access to telecommunications measures</t>
  </si>
  <si>
    <t>Each individual item used to create the 'access to telecommunications' scale is presented individually</t>
  </si>
  <si>
    <t>Each individual item used to create the 'crime and safety' scale is presented individually</t>
  </si>
  <si>
    <t>Each individual item used to create the 'landscape and aesthetics' scale is presented individually</t>
  </si>
  <si>
    <t xml:space="preserve">Global life satisfaction   </t>
  </si>
  <si>
    <t>The Global Life Satisfaction score was calculated based on respondents' rating of their satisfaction with their 'life as a whole’, on a scale of 'completely dissatisfied' (0) to 'completely satisfied' (10). Scores have been multiplied by 10 (so life satisfaction is measured on a scale of 0 to 100).</t>
  </si>
  <si>
    <t>Satisfaction with life as a whole
(average score, from a possible 0-100)</t>
  </si>
  <si>
    <t>Region name</t>
  </si>
  <si>
    <t xml:space="preserve">Total
number of
respondents
</t>
  </si>
  <si>
    <t xml:space="preserve">Mean score   </t>
  </si>
  <si>
    <t>Confidence interval for mean</t>
  </si>
  <si>
    <t>Number of people living in this region who answered this question on the survey</t>
  </si>
  <si>
    <t>Measured from 0 (completely dissatisfied) to 100 (completely satisfied)</t>
  </si>
  <si>
    <t>There is 95% confidence that if the survey was repeated, the value would fall between the mean ± the confidence interval</t>
  </si>
  <si>
    <t>Personal Wellbeing Index
(average score, from possible 0-100)</t>
  </si>
  <si>
    <t xml:space="preserve">Each individual item used to create the Personal Wellbeing Index is presented individually. 
The personal wellbeing domain questions ask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t>
  </si>
  <si>
    <t xml:space="preserve">Satisfaction with….
</t>
  </si>
  <si>
    <t xml:space="preserve">….your standard of living 
</t>
  </si>
  <si>
    <t>….your personal relationships</t>
  </si>
  <si>
    <t>….how safe you feel</t>
  </si>
  <si>
    <t>….feeling part of your community</t>
  </si>
  <si>
    <t>….your future security</t>
  </si>
  <si>
    <t>This community copes pretty well when faced with challenges
(Measured 'strongly disagree' (1) to 'strongly agree' (7))</t>
  </si>
  <si>
    <t>Confidence interval for % who disagree</t>
  </si>
  <si>
    <t>Confidence interval for % who neither agree or disagree</t>
  </si>
  <si>
    <t xml:space="preserve">Confidence interval for % who  agree </t>
  </si>
  <si>
    <t>There is 95% confidence that if the survey was repeated, the value would fall between the % ± the confidence interval</t>
  </si>
  <si>
    <t>The liveability of this community is…..
(Measured 'getting worse' (1) to 'getting better' (7))</t>
  </si>
  <si>
    <t>The friendliness of this community is…..
(Measured 'getting worse' (1) to 'getting better' (7))</t>
  </si>
  <si>
    <t>The local economy is…..
(Measured 'getting worse' (1) to 'getting better' (7))</t>
  </si>
  <si>
    <t>The local landscape and surrounds in this community are…..
(Measured 'getting worse' (1) to 'getting better' (7))</t>
  </si>
  <si>
    <t>Confidence interval for % who feel liveability is getting worse</t>
  </si>
  <si>
    <t>Confidence interval for % who feel liveability is neither getting better or worse</t>
  </si>
  <si>
    <t>Confidence interval for % who feel liveability is getting better</t>
  </si>
  <si>
    <t>Confidence interval for % who feel friendliness is getting worse</t>
  </si>
  <si>
    <t>Confidence interval for % who feel friendliness is neither getting better or worse</t>
  </si>
  <si>
    <t>Confidence interval for % who feel friendliness is getting better</t>
  </si>
  <si>
    <t>Confidence interval for % who feel local economy is getting worse</t>
  </si>
  <si>
    <t>Confidence interval for % who feel local economy is neither getting better or worse</t>
  </si>
  <si>
    <t>Confidence interval for % who feel local economy is getting better</t>
  </si>
  <si>
    <t>Confidence interval for % who feel landscape and surrounds are getting worse</t>
  </si>
  <si>
    <t>Confidence interval for % who feel landscape and surrounds are neither getting better or worse</t>
  </si>
  <si>
    <t>Confidence interval for % who feel landscape and surrounds are getting better</t>
  </si>
  <si>
    <t>Measured from 1 (getting worse) to 7 (getting better)</t>
  </si>
  <si>
    <t>Household financial wellbeing
 (average score, from a possible 1-7)</t>
  </si>
  <si>
    <t>Measured from 1 (lowest level of financial wellbeing) to 7 (highest level of financial wellbeing)</t>
  </si>
  <si>
    <t>Household income  - distribution of responses</t>
  </si>
  <si>
    <t>Confidence interval for %  $0-$51,999</t>
  </si>
  <si>
    <t>Confidence interval for %  $52,000-$129,999</t>
  </si>
  <si>
    <t>Confidence interval for %  $130,000+</t>
  </si>
  <si>
    <t>Confidence interval for poor or very poor</t>
  </si>
  <si>
    <t>Confidence interval for just getting along</t>
  </si>
  <si>
    <t>Confidence interval for reasonably comfortable</t>
  </si>
  <si>
    <t>Confidence interval for very comfortable or prosperous</t>
  </si>
  <si>
    <t>Confidence interval for no financial distress</t>
  </si>
  <si>
    <t>Community economic wellbeing
 (average score, from a possible 1-7)</t>
  </si>
  <si>
    <t>Measured from 1 (low levels of community economic wellbeing) to 7 (high levels of community economic wellbeing)</t>
  </si>
  <si>
    <t>General health
 (average score, from a possible 1-5)</t>
  </si>
  <si>
    <t>Confidence interval for % good</t>
  </si>
  <si>
    <t>Measured from 1 (poor) to 5 (excellent)</t>
  </si>
  <si>
    <t>Self-efficacy
 (average score, from a possible 1-7)</t>
  </si>
  <si>
    <t>Measured from 1 (low levels of self-efficacy) to 7 (high levels of self-efficacy)</t>
  </si>
  <si>
    <t>Local groups and organisations around here are good at getting things done
(Measured 'strongly disagree' (1) to 'strongly agree' (7))</t>
  </si>
  <si>
    <t>Having a say and being heard
(average score, from a possible 1-7)</t>
  </si>
  <si>
    <t>Measured from 1 (low feelings of having a say and being heard) to 7 (high feelings of having a say and being heard)</t>
  </si>
  <si>
    <t>My local government is able to help our community face challenges 
(Measured 'strongly disagree' (1) to 'strongly agree' (7))</t>
  </si>
  <si>
    <t>I can get involved in local decision-making processes if I want to 
(Measured 'strongly disagree' (1) to 'strongly agree' (7))</t>
  </si>
  <si>
    <t>There is 95% confidence that if the survey was repeated, the value would fall between the % disagree ± the confidence interval</t>
  </si>
  <si>
    <t>There is 95% confidence that if the survey was repeated, the value would fall between the % neither agree/disagree ± the confidence interval</t>
  </si>
  <si>
    <t>There is 95% confidence that if the survey was repeated, the value would fall between the % agree ± the confidence interval</t>
  </si>
  <si>
    <t>Spending time with friends and family
(average score, from a possible 1-7)</t>
  </si>
  <si>
    <t>Measured from 1 (low levels of informal social connectedness) to 7 (high levels of informal social connectedness)</t>
  </si>
  <si>
    <t>% Never/rarely</t>
  </si>
  <si>
    <t>% Sometimes</t>
  </si>
  <si>
    <t>%  Regularly/all the time</t>
  </si>
  <si>
    <t>Measured from 1 (low levels of involvement) to 7 (high levels of involvement)</t>
  </si>
  <si>
    <t>Confidence interval for % who never/rarely get involved</t>
  </si>
  <si>
    <t>Confidence interval for % who sometimes get involved</t>
  </si>
  <si>
    <t xml:space="preserve">Confidence interval for % who  regularly/all the time get involved </t>
  </si>
  <si>
    <t>Confidence interval for % who never volunteer</t>
  </si>
  <si>
    <t>Occasionally volunteer</t>
  </si>
  <si>
    <t>Confidence interval for % who occasionally volunteer</t>
  </si>
  <si>
    <t>I feel welcome here
(Measured 'strongly disagree' (1) to 'strongly agree' (7))</t>
  </si>
  <si>
    <t>There is 95% confidence that if the survey was repeated, the value would fall between the %± the confidence interval</t>
  </si>
  <si>
    <t>Confidence interval for % poor</t>
  </si>
  <si>
    <t>Confidence interval for % neither poor nor good</t>
  </si>
  <si>
    <t>Roads
(Measured 'very poor' (1) to 'very good' (7))</t>
  </si>
  <si>
    <t>Public transport (including taxis, buses, trains)
(Measured 'very poor' (1) to 'very good' (7))</t>
  </si>
  <si>
    <t>Crime and safety in the local community
(average score, from a possible 1-7)</t>
  </si>
  <si>
    <t>Measured from 1 (low levels of safety) to 7 (high levels of safety)</t>
  </si>
  <si>
    <t>Landscape and aesthetics
(average score, from a possible 1-7)</t>
  </si>
  <si>
    <t>Measured from 1 (low landscape and aesthetics) to 7 (high landscape and aesthetics)</t>
  </si>
  <si>
    <t>Perceived environmental health
(average score, from a possible 1-7)</t>
  </si>
  <si>
    <t>Measured from 1 (poor environmental health) to 7 (good environmental health)</t>
  </si>
  <si>
    <t>Where do the data presented in this spreadsheet come from?</t>
  </si>
  <si>
    <t>Where can I find more information on the data included in this spreadsheet?</t>
  </si>
  <si>
    <t>What uses are permitted of the data in this spreadsheet?</t>
  </si>
  <si>
    <t>How representative and reliable are the data in this spreadsheet?</t>
  </si>
  <si>
    <t xml:space="preserve">Sometimes data are reported for larger regions, but not smaller regions. This is done when the number of responses to a survey question was small, and as a result there are not enough responses to break them down into small regions. This usually occurs for questions that were not asked of all survey participants, or for regions in which a smaller number of survey responses were received. </t>
  </si>
  <si>
    <t>Each individual item used to create the 'perceived environmental health' scale is presented individually</t>
  </si>
  <si>
    <t xml:space="preserve">% residents who disagree </t>
  </si>
  <si>
    <t xml:space="preserve">% residents who neither agree or disagree </t>
  </si>
  <si>
    <t xml:space="preserve">% residents who agree </t>
  </si>
  <si>
    <t>% residents who had a score of 1, 2 or 3 out of 7</t>
  </si>
  <si>
    <t>% residents who had a score of 4 out of 7</t>
  </si>
  <si>
    <t>% residents who had a score of 5, 6 or 7 out of 7</t>
  </si>
  <si>
    <t>% residents who feel liveability is getting worse</t>
  </si>
  <si>
    <t>% residents who feel liveability is neither getting better or worse</t>
  </si>
  <si>
    <t>% residents who feel liveability is getting better</t>
  </si>
  <si>
    <t>% residents who feel friendliness is getting worse</t>
  </si>
  <si>
    <t>% residents who feel friendliness is neither getting better or worse</t>
  </si>
  <si>
    <t>% residents who feel friendliness is getting better</t>
  </si>
  <si>
    <t>% residents who feel local economy is getting worse</t>
  </si>
  <si>
    <t>% residents who feel local economy is neither getting better or worse</t>
  </si>
  <si>
    <t>% residents who feel local economy is getting better</t>
  </si>
  <si>
    <t>% residents who feel landscape and surrounds are getting worse</t>
  </si>
  <si>
    <t>% residents who feel landscape and surrounds are  neither getting better or worse</t>
  </si>
  <si>
    <t>% residents who feel landscape and surrounds are getting better</t>
  </si>
  <si>
    <t>% residents $0-$51,999</t>
  </si>
  <si>
    <t>% residents who were poor or very poor</t>
  </si>
  <si>
    <t>% residents who were just getting along</t>
  </si>
  <si>
    <t>% residents who were reasonably comfortable</t>
  </si>
  <si>
    <t>% residents who were very comfortable or prosperous</t>
  </si>
  <si>
    <t>% residents who selected none of the financial distress items</t>
  </si>
  <si>
    <t>% residents who reported good health</t>
  </si>
  <si>
    <t>% residents who never/rarely get involved</t>
  </si>
  <si>
    <t>% residents who sometimes get involved</t>
  </si>
  <si>
    <t xml:space="preserve">% residents who regularly/all the time get involved </t>
  </si>
  <si>
    <t>% residents who reported 1 out of 7</t>
  </si>
  <si>
    <t>% residents who reported 2, 3 or 4 out of 7</t>
  </si>
  <si>
    <t>% residents who reported 5, 6 or 7 out of 7</t>
  </si>
  <si>
    <t>% residents whose income is between $0 and $51,999</t>
  </si>
  <si>
    <t xml:space="preserve">Household financial wellbeing was measured based on: 
(i) Household income: Survey participants were asked to select their household income bracket from the following options - Nil or negative income; $1-10,399; $10,400-20,799; $20,800-31,199; $31,200-41,599; $41,600-51,999; $52,000-62,399; $$62,400-77,999; $78,000-103,999; $104,000-124,999; $125,000-155,999; $156,000-207,999; $208,000-259,999; $260,000 plus. These categories were used as they align with data from the Australian Bureau of Statistics Census of Population and Housing
(ii) Self-rated financial wellbeing - Respondents were asked ‘given your current needs and financial responsibilities, would you say that you and your family are…’prosperous, very comfortable, reasonably comfortable, just getting along, poor, very poor'. 
These two measures were arithmetically adjusted so that each was measured from 1 (lowest level of financial wellbeing) to 7 (highest level of financial wellbeing). A single measure of household financial wellbeing was then calculated as the average score of the two measures. </t>
  </si>
  <si>
    <t xml:space="preserve">Each individual item used to create the 'household financial wellbeing' measure is presented individually. 
Household income was grouped into three categories: $0-$51,999; $52,000-$124,999; and $125,000+. 
Self-rated financial wellbeing was grouped into four categories: Poor or very poor; Just getting along; Reasonably comfortable; and very comfortable or prosperous. </t>
  </si>
  <si>
    <t>% residents $52,000-$124,999</t>
  </si>
  <si>
    <t>% residents whose income is between $52,000 and $124,999</t>
  </si>
  <si>
    <t>% residents $125,000+</t>
  </si>
  <si>
    <t>% residents whose income is $125,000+</t>
  </si>
  <si>
    <t>% residents who selected 1 of the financial distress items</t>
  </si>
  <si>
    <t>% residents who selected 2, 3 or 4 of the financial distress items</t>
  </si>
  <si>
    <t>There are plenty of jobs available around here at the moment
(Measured 'strongly disagree' (1) to 'strongly agree' (7))</t>
  </si>
  <si>
    <t xml:space="preserve">% residents with no or very low financial distress  </t>
  </si>
  <si>
    <t xml:space="preserve">% residents with low-moderate financial distress </t>
  </si>
  <si>
    <t xml:space="preserve">% residents with high financial distress </t>
  </si>
  <si>
    <t>% residents who reported fair health</t>
  </si>
  <si>
    <t xml:space="preserve">Confidence interval for % fair </t>
  </si>
  <si>
    <t>% residents who reported poor health</t>
  </si>
  <si>
    <t xml:space="preserve">Confidence interval for % good </t>
  </si>
  <si>
    <t xml:space="preserve">Confidence interval for % very good </t>
  </si>
  <si>
    <t>% residents who reported very good health</t>
  </si>
  <si>
    <t>% residents who reported excellent health</t>
  </si>
  <si>
    <t>Confidence interval for % excellent</t>
  </si>
  <si>
    <t>K6 psychological distress</t>
  </si>
  <si>
    <t>K6 - distribution of responses</t>
  </si>
  <si>
    <t>% residents with a K6 score between 6 and 18</t>
  </si>
  <si>
    <t>Confidence interval for % 6-18</t>
  </si>
  <si>
    <t>% residents with a K6 score 19-30</t>
  </si>
  <si>
    <t>Confidence interval for % 19-30</t>
  </si>
  <si>
    <t>Low probability of serious mental illness (6-18)</t>
  </si>
  <si>
    <t>High probability of serious mental illness (19-30)</t>
  </si>
  <si>
    <t>I am confident I can achieve the things I want in my work
(Measured 'strongly disagree' (1) to 'strongly agree' (7))</t>
  </si>
  <si>
    <t>K6 psychological distress (average score, from a possible 6-30)</t>
  </si>
  <si>
    <t>K6 psychological distress - distribution of responses</t>
  </si>
  <si>
    <t>I attend meetings/social events of local clubs/groups e.g. Lions, CWA
'(Measured 'never or almost never' (1) to 'all the time' (7))</t>
  </si>
  <si>
    <t>I take part in sports groups or teams
'(Measured 'never or almost never' (1) to 'all the time' (7))</t>
  </si>
  <si>
    <t>Never or almost never volunteer</t>
  </si>
  <si>
    <t>Volunteering - distribution of responses
'(Measured 'never or almost never' (1) to 'all the time' (7))</t>
  </si>
  <si>
    <t>Living costs are affordable here
(Measured 'strongly disagree' (1) to 'strongly agree' (7))</t>
  </si>
  <si>
    <t>For more information about data, see the reports available on our website, www.regionalwellbeing.org.au. The measures presented in this table are described in detail in the 'Wellbeing, Resilience and Liveability in Regional Australia' report of the 2015 Regional Wellbeing Survey, downloadable from the '2015 Regional Wellbeing Survey reports and results' section of our website.</t>
  </si>
  <si>
    <t>Eudaimonic wellbeing</t>
  </si>
  <si>
    <t>Eudaimonic Wellbeing Domains</t>
  </si>
  <si>
    <t xml:space="preserve">To what extent do you feel the things you do in your life are worthwhile?
</t>
  </si>
  <si>
    <t>How much do you feel your life has purpose?</t>
  </si>
  <si>
    <t xml:space="preserve">How meaningful does your life feel?
</t>
  </si>
  <si>
    <t>I would recommend my community to others as a good place to live
(Measured 'strongly disagree' (1) to 'strongly agree' (7))</t>
  </si>
  <si>
    <t>Migration</t>
  </si>
  <si>
    <t>People shifting away from the area
(measured 'not a problem' (1) to 'very big problem' (7))</t>
  </si>
  <si>
    <t>Local employment opportunities</t>
  </si>
  <si>
    <t>Availability of local jobs
(Measured 'very poor' (1) to 'very good' (7))</t>
  </si>
  <si>
    <t>% residents who rated it as poor</t>
  </si>
  <si>
    <t xml:space="preserve">% residents who rated it as neither poor or good </t>
  </si>
  <si>
    <t>% residents who rated it as good</t>
  </si>
  <si>
    <t>I have the skills and education I need to achieve what I want to in life
(Measured 'strongly disagree' (1) to 'strongly agree' (7))</t>
  </si>
  <si>
    <t>The extent to which rural and regional Australians felt they could have a say in their community, and that they would be heard if they did, was measured by asking survey participants how much they agreed with the following four statements, from 'strongly disagree' (1) to 'strongly agree' (7): (i) My local government is able to help our community face challenges; (ii)  I can get involved in local decision-making processes if I want to.
Responses to these statements were averaged to form a single measure, from 1 (low feelings of having a say and being heard) to 7 (high feelings of having a say and being heard).</t>
  </si>
  <si>
    <t>Contributing to local governance</t>
  </si>
  <si>
    <t>I actively contribute to discussion and decision making in my local region, e.g. local government, school, councils, or business groups
(Measured 'strongly disagree' (1) to 'strongly agree' (7))</t>
  </si>
  <si>
    <t>Getting involved in the community</t>
  </si>
  <si>
    <t>Getting involved in the community
 (average score, from a possible 1-7)</t>
  </si>
  <si>
    <t>Quality of community events</t>
  </si>
  <si>
    <t>Community events e.g. festivals
'(Measured 'very poor' (1) to 'very good' (7))</t>
  </si>
  <si>
    <t>% residents who rated quality of community events poorly</t>
  </si>
  <si>
    <t>% residents who rated quality of community events moderately</t>
  </si>
  <si>
    <t>Health services
(Measured 'very poor' (1) to 'very good' (7))</t>
  </si>
  <si>
    <t>Local schools
(Measured 'very poor' (1) to 'very good' (7))</t>
  </si>
  <si>
    <t>Access to health and education services</t>
  </si>
  <si>
    <t>Availability of good local restaurants/cafes
(Measured 'very poor' (1) to 'very good' (7))</t>
  </si>
  <si>
    <t>Lack of affordable food/groceries at local shops
(Measured 'not a problem' (1) to 'very big problem' (7))</t>
  </si>
  <si>
    <t>Access to local government services</t>
  </si>
  <si>
    <t>Local government services
(Measured 'very poor' (1) to 'very good' (7))</t>
  </si>
  <si>
    <t>Mobile phone reception
(Measured 'very poor' (1) to 'very good' (7))</t>
  </si>
  <si>
    <t>Internet access
(Measured 'very poor' (1) to 'very good' (7))</t>
  </si>
  <si>
    <t>Access to telecommunications
(average score, from a possible 1-7)</t>
  </si>
  <si>
    <t>Measured from 1 (low levels of telecommunications) to 7 (high levels of telecommunications)</t>
  </si>
  <si>
    <t>Attractiveness of the local landscape
(Measured 'very poor' (1) to 'very good' (7))</t>
  </si>
  <si>
    <t>Local climate and weather
(Measured 'very poor' (1) to 'very good' (7))</t>
  </si>
  <si>
    <t>Water quality in local rivers and lakes
(Measured 'very poor' (1) to 'very good' (7))</t>
  </si>
  <si>
    <t>Health of the local environment
(Measured 'very poor' (1) to 'very good' (7))</t>
  </si>
  <si>
    <t>Eudaimonic Wellbeing Index</t>
  </si>
  <si>
    <t>Eudaimonic Wellbeing Index
(average score, from a possible 0-100)</t>
  </si>
  <si>
    <t xml:space="preserve">
</t>
  </si>
  <si>
    <t xml:space="preserve">Each individual item used to create the Eudaimonic Wellbeing Index is presented individually. 
The eudaimonic wellbeing domain questions ask ' Thinking about your own life and personal circumstances, how do you feel about the following' and included;  (i) How meaningful does you life feel, (ii) How much do you feel your life has purpose, (iii) To what extent do you feel the things you do in your life are worthwhile. Scores were measured for each item on a scale from 'not at all' (0) to 'very much so' (10), each of which was transformed to a scale of 0-100 prior to calculating the average score. </t>
  </si>
  <si>
    <t xml:space="preserve">The Eudaimonic Wellbeing Index measures a person’s eudaimonic wellbeing on a score from 0-100. This score is calculated based on answer of respondents, to the question 'Thinking about your own life and personal circumstances, how do you feel about the following' and included:  (i) How meaningful does you life feel, (ii) How much do you feel your life has purpose, and (iii) To what extent do you feel the things you do in your life are worthwhile. Scores were measured for each item on a scale from 'not at all' (0) to 'very much so' (10), each of which was transformed to a scale of 0-100 prior to calculating the average score. </t>
  </si>
  <si>
    <t xml:space="preserve">The Personal Wellbeing Index measures a person’s wellbeing on a score from 0-100. This score is calculated based on answer of respondents, to the question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prior to calculating the average score. </t>
  </si>
  <si>
    <t>Measured from 0 (low not at all) to 100 (very much so)</t>
  </si>
  <si>
    <t>Measured from 0 (not at all) to 100 (very much so)</t>
  </si>
  <si>
    <t xml:space="preserve">Wellbeing - Emotional Affect Index  </t>
  </si>
  <si>
    <t>Wellbeing - Emotional Affect Index</t>
  </si>
  <si>
    <t>Wellbeing - Emotional Affect individual measures</t>
  </si>
  <si>
    <t>% residents who felt not at all happy</t>
  </si>
  <si>
    <t>% residents who felt happy all the time</t>
  </si>
  <si>
    <t>% residents who felt happy sometimes</t>
  </si>
  <si>
    <t>Confidence interval for % who felt not at all happy</t>
  </si>
  <si>
    <t>Confidence interval for % who felt happy sometimes</t>
  </si>
  <si>
    <t>Confidence interval for % who  felt happy all the time</t>
  </si>
  <si>
    <t>% residents who felt not at all worried</t>
  </si>
  <si>
    <t>Confidence interval for % who felt not at all worried</t>
  </si>
  <si>
    <t>% residents who felt worried sometimes</t>
  </si>
  <si>
    <t>Confidence interval for % who felt worried sometimes</t>
  </si>
  <si>
    <t>% residents who felt worried all the time</t>
  </si>
  <si>
    <t>Confidence interval for % who  felt worried all the time</t>
  </si>
  <si>
    <t>% residents who felt not at all depressed</t>
  </si>
  <si>
    <t>Confidence interval for % who felt not at all depressed</t>
  </si>
  <si>
    <t>% residents who felt depressed sometimes</t>
  </si>
  <si>
    <t>Confidence interval for % who felt depressed sometimes</t>
  </si>
  <si>
    <t>% residents who felt depressed all the time</t>
  </si>
  <si>
    <t>Confidence interval for % who  felt depressed all the time</t>
  </si>
  <si>
    <t>The extent of a person’s involvement in local community activities was examined by asking survey participants how frequently they took part in the following types of activities, on a scale from 'never or almost never' (1) to 'all the time' (7): (i) I attend meetings/social events of local clubs/groups e.g. Lions, CWA; and (ii) I take part in sports groups or teams.
The ‘getting involved’ measure was calculated as the average of these items, from 1 (low levels of involvement) to 7 (high levels of involvement).</t>
  </si>
  <si>
    <t>Each individual item used to create the 'getting involved' scale is presented individually. 
The questions were measured on a 7-point scale, from 'never or almost never' (1) to 'all the time' (7), and included: 
(i) I attend meetings/social events of local clubs/groups e.g. Lions, CWA; and (ii) I take part in sports groups or teams.</t>
  </si>
  <si>
    <t>To what extent are the following problems/challenges in your community at the moment? - Conflict/disagreement between some people
(Measured 'not a problem' (1) to 'very big problem' (7))</t>
  </si>
  <si>
    <t>Confidence interval for % who rated it as poor</t>
  </si>
  <si>
    <t>Confidence interval for % who rated it as neither poor or good</t>
  </si>
  <si>
    <t>Confidence interval for % who  rated it as good</t>
  </si>
  <si>
    <t>Confidence interval for % who  stated 'don’t' know'</t>
  </si>
  <si>
    <t>Confidence interval for % who  rated it as a problem</t>
  </si>
  <si>
    <t>Confidence interval for % who rated quality of community events poorly</t>
  </si>
  <si>
    <t>Confidence interval for % who rated quality of community events moderately</t>
  </si>
  <si>
    <t>Confidence interval for % who  rated the quality of events highly</t>
  </si>
  <si>
    <t>I make time to keep in touch with my friends
'(Measured 'never or almost never' (1) to 'all the time' (7))</t>
  </si>
  <si>
    <t>I spend time doing things with family members who don’t live with me
'(Measured 'never or almost never' (1) to 'all the time' (7))</t>
  </si>
  <si>
    <t>Self-rated financial wellbeing - distribution of responses
(Measured 'very poor' (1) to 'prosperous' (6))</t>
  </si>
  <si>
    <t>% residents who indicated they were poor (2) or very poor (1)</t>
  </si>
  <si>
    <t>% residents who indicated they were just getting along (3)</t>
  </si>
  <si>
    <t>% residents who indicated they were reasonably comfortable (4)</t>
  </si>
  <si>
    <t>% residents who indicated they were very comfortable (5) or prosperous (6)</t>
  </si>
  <si>
    <t>Confidence interval for low-moderate financial distress</t>
  </si>
  <si>
    <t>Confidence interval for high financial distress</t>
  </si>
  <si>
    <t>% residents who reported low emotional affect</t>
  </si>
  <si>
    <t>% residents who reported moderate emotional affect</t>
  </si>
  <si>
    <t>% residents who reported high emotional affect</t>
  </si>
  <si>
    <t>Confidence interval for % who reported low emotional affect</t>
  </si>
  <si>
    <t>Confidence interval for % who reported moderate emotional affect</t>
  </si>
  <si>
    <t>Confidence interval for % who reported high emotional affect</t>
  </si>
  <si>
    <t>Yesterday, did you feel happy
(Measured 'not at all' (0) to 'all of the time' (10))</t>
  </si>
  <si>
    <t>Yesterday, did you feel worried
(Measured 'not at all' (0) to 'all of the time' (10))</t>
  </si>
  <si>
    <t>Yesterday, did you feel depressed
(Measured 'not at all' (0) to 'all of the time' (10))</t>
  </si>
  <si>
    <t>Measured from 6 (no distress at all) to a maximum of 30 (the most severe distress)</t>
  </si>
  <si>
    <t xml:space="preserve"> I am confident I can achieve the things I want in life
(Measured 'strongly disagree' (1) to 'strongly agree' (7))</t>
  </si>
  <si>
    <t>Safety of the local area
(Measured 'very poor' (1) to 'very good' (7))</t>
  </si>
  <si>
    <t>Crime
(Measured 'not a problem' (1) to 'very big problem' (7))</t>
  </si>
  <si>
    <t>Drug abuse
(Measured 'not a problem' (1) to 'very big problem' (7))</t>
  </si>
  <si>
    <t>Alcohol abuse
(Measured 'not a problem' (1) to 'very big problem' (7))</t>
  </si>
  <si>
    <t>Domestic violence
(Measured 'not a problem' (1) to 'very big problem' (7))</t>
  </si>
  <si>
    <t>Confidence interval for % who rated poor</t>
  </si>
  <si>
    <t>% residents who rated it as neither poor or good</t>
  </si>
  <si>
    <t xml:space="preserve">% residents who rated it as good </t>
  </si>
  <si>
    <t>% residents who rated it as a problem</t>
  </si>
  <si>
    <t>% residents who rated not a problem</t>
  </si>
  <si>
    <t>Confidence interval for % who  don't know</t>
  </si>
  <si>
    <t>% residents who don't know</t>
  </si>
  <si>
    <t>Measured from 1 strongly disagree) to 7 (strongly agree)</t>
  </si>
  <si>
    <t>Measured from 1 (not a problem) to 7 (very big problem)</t>
  </si>
  <si>
    <t>Measured from 1 (very poor) to 7 (very good)</t>
  </si>
  <si>
    <t>Measured from 1 (strongly disagree) to 7 (strongly agree)</t>
  </si>
  <si>
    <t>Measured from 1 (never or almost never) to 7 (all the time)</t>
  </si>
  <si>
    <t>% Poor</t>
  </si>
  <si>
    <t>% Fair</t>
  </si>
  <si>
    <t>% Good</t>
  </si>
  <si>
    <t>% Very good</t>
  </si>
  <si>
    <t>% Excellent</t>
  </si>
  <si>
    <t>% residents who rated access as poor</t>
  </si>
  <si>
    <t>% residents who rated access as neither poor nor good</t>
  </si>
  <si>
    <t>% residents who rated access as good</t>
  </si>
  <si>
    <t>Confidence interval for % who don't know</t>
  </si>
  <si>
    <t>% residents who rated access as neither poor or good</t>
  </si>
  <si>
    <t>Confidence interval for % neither poor or good</t>
  </si>
  <si>
    <t>Environmental degradation
(Measured 'not a problem' (1) to 'very big problem' (7))</t>
  </si>
  <si>
    <t>Confidence interval for % who rated problem</t>
  </si>
  <si>
    <t>% residents who rated it as not a problem</t>
  </si>
  <si>
    <t>% residents who rated it as neither a problem or not a problem</t>
  </si>
  <si>
    <t>The extent to which rural and regional Australians felt they are able to contribute towards local governance was measured by asking survey participants how much they agreed with the following statement 'I actively contribute to discussion and decision making in my local region, e.g. local government, school, councils, or business groups', using a scale from 'strongly disagree' (1) to 'strongly agree' (7).
Responses were reported as an average and at the proportional level of disagree/neither/agree.</t>
  </si>
  <si>
    <t>Equity and inclusion was measured by asking survey participants about the extend of problems/challenges in their community at the moment on a scale from 'not a problem' (1)  to  'very big problem' (7) and included: Conflict/disagreement between some people. Responses to this statement had the scoring reversed, so that low scores indicated poor equity and low inclusion, and high scores indicated high levels of equity and inclusion. 
Responses were reported as an average and at the proportional level of disagree/neither/agree.</t>
  </si>
  <si>
    <t>Each individual item used to create the 'having a say and being heard' scale is presented individually. 
The questions were measured on a 7-point scale, from 'strongly disagree' (1) to 'strongly agree' (7), and included: (i) My local government is able to help our community face challenges; (ii) I can get involved in local decision-making processes if I want to.
Responses were reported at the proportional level of disagree/neither/agree.</t>
  </si>
  <si>
    <t>The community wellbeing questions were measured on a 7-point scale, from 'strongly disagree' (1) to 'strongly agree' (7), and included: 
(i) This community copes well when faced with challenges, (ii) I would recommend my community to others as a good place to live. 
Responses were reported as an average and at the proportional level of disagree/neither/agree.</t>
  </si>
  <si>
    <t>Changes in community liveability was measured by asking respondents four questions on their views about how the community they live in is changing: 
(i) the liveability of this community is….(ii) the friendliness of this community is….(iii) the local economy is…. and (iv) the local landscape and surrounds in this community are....
Each was measured on a 7-point scales from 'getting worse' (1) to 'getting better' (7). 
Responses were reported as an average and at the proportional level of getting worse/neither/getting better.</t>
  </si>
  <si>
    <t>Migration questions were measured using two 7-point scales. One measured the level of satisfaction from 'strongly disagree' (1) to 'strongly agree' (7), and included 'If I could, I would shift to live in another community'. 
The other measured the extend of problems/challenges in their community at the moment on a scale from 'not a problem' (1)  to  'very big problem' (7) and included 'People shifting away from the area'.
Responses were reported as an average and at the proportional level of disagree/neither/agree and not a problem/low problem/moderate problem/problem.</t>
  </si>
  <si>
    <t>Each individual item used to create the 'community economic wellbeing' scale is presented individually. 
The community economic wellbeing questions were measured on a 7-point scale, from 'strongly disagree' (1) to 'strongly agree' (7), and included: 
(i) Living costs are affordable here e.g. food, petrol, housing and (ii) There are plenty of jobs available around here at the moment.
Responses were reported at the proportional level of disagree/neither/agree.</t>
  </si>
  <si>
    <t>% residents who rated quality of community events as good</t>
  </si>
  <si>
    <t>Respondents were asked how often they volunteer in their local community e.g. for groups like fire brigades, sports clubs, school canteen, meals on wheels, festivals, on a 7-point scale from 'never or almost never' (1) through to 'all the time' (7). The 'volunteering' measure was reported as an average and at the proportional level of never or almost never/occasionally/all the time.</t>
  </si>
  <si>
    <t>Volunteer all the time</t>
  </si>
  <si>
    <t>Confidence interval for % who volunteer all the time</t>
  </si>
  <si>
    <t>A person’s sense of belonging was measured by asking survey participants how much they agreed with the following three statements, from 'strongly disagree' (1) to 'strongly agree' (7): (i) I feel welcome here. 
Responses were reported as an average and at the proportional level of disagree/neither/agree.</t>
  </si>
  <si>
    <t>If I could, I would shift to live in another community
(measured 'strongly disagree' (1) to 'strongly agree' (7))</t>
  </si>
  <si>
    <t>Lack of job opportunities
(Measured 'not a problem' (1) to 'very big problem' (7))</t>
  </si>
  <si>
    <r>
      <rPr>
        <sz val="12"/>
        <rFont val="Calibri"/>
        <family val="2"/>
        <scheme val="minor"/>
      </rPr>
      <t>The financial distress measure was calculated based on the response to the question ‘In the last year, did any of the following happen to you because you didn’t have enough money?’: (i) Had to delay or cancel non-essential purchases e.g. holiday, going to a restaurant or movie, buying clothes; (ii) Could not pay bills on time e.g. electricity, rent, gas; (iii) Went without meals, or was unable to heat or cool home; (iv) Asked for financial help from friends or family; (v) None of these.</t>
    </r>
    <r>
      <rPr>
        <sz val="12"/>
        <color rgb="FFFF0000"/>
        <rFont val="Calibri"/>
        <family val="2"/>
        <scheme val="minor"/>
      </rPr>
      <t xml:space="preserve">
</t>
    </r>
    <r>
      <rPr>
        <sz val="12"/>
        <rFont val="Calibri"/>
        <family val="2"/>
        <scheme val="minor"/>
      </rPr>
      <t xml:space="preserve">A ‘financial distress’ score was then calculated for each participant, ranging from 0 (selected ‘none of these’ to 4 (selected all responses except ‘none of these’). </t>
    </r>
    <r>
      <rPr>
        <sz val="12"/>
        <color rgb="FFFF0000"/>
        <rFont val="Calibri"/>
        <family val="2"/>
        <scheme val="minor"/>
      </rPr>
      <t xml:space="preserve">
</t>
    </r>
  </si>
  <si>
    <t>Confidence interval for % who rated it as neither a problem or not a problem</t>
  </si>
  <si>
    <t>Confidence interval for % Never/rarely</t>
  </si>
  <si>
    <t>Confidence interval for % Sometimes</t>
  </si>
  <si>
    <t>Confidence interval for % regularly/all the time</t>
  </si>
  <si>
    <t>% residents who reported a score of 0 to 6</t>
  </si>
  <si>
    <t>% residents who reported a score of 7 to 8</t>
  </si>
  <si>
    <t>% residents who reported a score of 9 to 10</t>
  </si>
  <si>
    <t>Wellbeing-  Emotional Affect Index - distribution of responses</t>
  </si>
  <si>
    <t>% residents who had a score of  0 to 6</t>
  </si>
  <si>
    <t>% residents who had a score of 7 to 8</t>
  </si>
  <si>
    <t>% residents who had a score of 9 to 10</t>
  </si>
  <si>
    <t>% residents who rated access as problem</t>
  </si>
  <si>
    <t>Confidence interval for % problem</t>
  </si>
  <si>
    <t>% residents who rated lack of food as moderate problem</t>
  </si>
  <si>
    <t>Confidence interval for % moderate</t>
  </si>
  <si>
    <t>Confidence interval for % not a problem</t>
  </si>
  <si>
    <t>Financial distress distribution</t>
  </si>
  <si>
    <t xml:space="preserve">% low </t>
  </si>
  <si>
    <t>(below scores of 60)</t>
  </si>
  <si>
    <t>% high</t>
  </si>
  <si>
    <t>(above scores of 80)</t>
  </si>
  <si>
    <t>Confidence interval for low score</t>
  </si>
  <si>
    <t>Confidence interval for high score</t>
  </si>
  <si>
    <t xml:space="preserve">….your health
</t>
  </si>
  <si>
    <t xml:space="preserve">….what you are currently achieving in life
</t>
  </si>
  <si>
    <t>Changes in community liveability</t>
  </si>
  <si>
    <t>Each individual item used to create the 'emotional affect index' is presented individually</t>
  </si>
  <si>
    <t>Access to health and education (average score, from a possible 1-7)</t>
  </si>
  <si>
    <t>Access to local government services  (average score, from a possible 1-7)</t>
  </si>
  <si>
    <t>% residents who had a score of 6 or 7 out of 7</t>
  </si>
  <si>
    <t>% residents who rated it as a moderate problem</t>
  </si>
  <si>
    <t>% residents who had a score of 4 or 5 out of 7</t>
  </si>
  <si>
    <t>Confidence interval for % who rated it as a moderate problem</t>
  </si>
  <si>
    <t>Environmental degradation - new grouping
(Measured 'not a problem' (1) to 'very big problem' (7))</t>
  </si>
  <si>
    <t>% residents who rated it as a large problem</t>
  </si>
  <si>
    <t>Confidence interval for % who rated it as a large problem</t>
  </si>
  <si>
    <t>% residents who rated it as no/low problem</t>
  </si>
  <si>
    <t>Confidence interval for % who rated it as no/low problem</t>
  </si>
  <si>
    <t xml:space="preserve">Self-efficacy </t>
  </si>
  <si>
    <t xml:space="preserve">Self-efficacy measures </t>
  </si>
  <si>
    <t xml:space="preserve">Crime and safety in the local community </t>
  </si>
  <si>
    <t xml:space="preserve">Perceived environmental health </t>
  </si>
  <si>
    <t>Measured from 0 (low emotional affect) to 10 (high emotional affect)</t>
  </si>
  <si>
    <t>Australia</t>
  </si>
  <si>
    <t>Regional Australia</t>
  </si>
  <si>
    <t>Urban Australia</t>
  </si>
  <si>
    <t>Queensland</t>
  </si>
  <si>
    <t>Regional Queensland</t>
  </si>
  <si>
    <t>Balonne, Maranoa &amp; Western Downs (LGAs)</t>
  </si>
  <si>
    <t>Goondiwindi &amp; Southern Downs (LGAs)</t>
  </si>
  <si>
    <t>Toowoomba (LGA)</t>
  </si>
  <si>
    <t>Noosa (LGA)</t>
  </si>
  <si>
    <t>Brisbane City (RDA)</t>
  </si>
  <si>
    <t>Darling Downs and South West (RDA)</t>
  </si>
  <si>
    <t>Far North Queensland and Torres Strait (RDA)</t>
  </si>
  <si>
    <t>Fitzroy and Central West (RDA)</t>
  </si>
  <si>
    <t>Mackay-Isaac-Whitsunday &amp; Townsville and North West (RDAs)</t>
  </si>
  <si>
    <t>Southern Coastal Queensland (RDAs)</t>
  </si>
  <si>
    <t>Sunshine Coast (RDA)</t>
  </si>
  <si>
    <t>Wide Bay Burnett (RDA)</t>
  </si>
  <si>
    <t xml:space="preserve">Australia includes all of Australia, including all of the major cities. In total, 11,074 people from Australia took part in the 2017 Regional Wellbeing Survey, although not all these people answered every question on the survey. </t>
  </si>
  <si>
    <t xml:space="preserve">Urban Australia includes the cities and surrounding suburban areas of Sydney, Melbourne, Adelaide, Brisbane, Perth and Canberra. In total, 1991 people from these cities took part in the 2017 Regional Wellbeing Survey, although not all these people answered every question on the survey. </t>
  </si>
  <si>
    <t>About the region: Queensland</t>
  </si>
  <si>
    <t xml:space="preserve">This file provides data from the 2017 Regional Wellbeing Survey for Queensland. The number of responses to each question vary, because some questions were not asked of all survey participants; and some participants chose not to answer some questions on the survey. Data reported in these tables have been weighted to correct for different intensity of sampling in different regions, unless stated otherwise. Data are reported for (i) Australia; (ii) regional Australia; (iii) urban Australia; (iv) Queensland; (v) regional Queensland; and (vi) the Regional Development Australia (RDA) regions of Darling Downs and South West, Far North Queensland and Torres Strait, Fitzroy and Central West, Mackay-Isaac-Whitsunday &amp; Townsville and North West, Southern Coastal Queensland, Sunshine Coast and Wide Bay Burnett. </t>
  </si>
  <si>
    <t xml:space="preserve">The Darling Downs and South West region is a Regional Development Australia region located in the south Queensland. The region includes the local government areas (LGAs) of Balonne, Bulloo, Goondiwindi, Maranoa, Murweh, Paroo, Quilpie, Southern Downs, Toowoomba and Western Downs. In total, 307 people who live in this region took part in the 2017 Regional Wellbeing Survey. </t>
  </si>
  <si>
    <t xml:space="preserve">Balonne, Maranoa &amp; Western Downs are LGAs located in the south east of Queensland. In total, 106 people who live in these LGAs took part in the 2017 Regional Wellbeing Survey. </t>
  </si>
  <si>
    <t xml:space="preserve">Goondiwindi &amp; Southern Downs are LGAs located in the south east of Queensland. In total, 96 people who live in these LGAs took part in the 2017 Regional Wellbeing Survey. </t>
  </si>
  <si>
    <t>Toowoomba is an LGA located in the south east of Queensland. In total, 81 people who live in this LGA took part in the 2017 Regional Wellbeing Survey.</t>
  </si>
  <si>
    <t xml:space="preserve">The Far North Queensland and Torres Strait region is a Regional Development Australia region located in the north of Queensland. The region includes the local government areas (LGAs) of Aurukun, Cairns, Cassowary Coast, Cook, Croydon, Douglas, Etheridge, Hope Vale, Kowanyama, Lockhart River, Mapoon, Mareeba, Napranum, Northern Peninsula Area, Pormpuraaw, Tablelands, Torres, Torres Strait Island, Weipa Town, Wujal Wujal and Yarrabah. In total, 117 people who live in this region took part in the 2017 Regional Wellbeing Survey. </t>
  </si>
  <si>
    <t xml:space="preserve">The Fitzroy and Central West region is a Regional Development Australia region located in central Queensland. The region includes the local government areas (LGAs) of Banana, Barcaldine, Barcoo, Blackall-Tambo, Central Highlands, Diamantina, Gladstone, Livingstone, Longreach, Rockhampton, Winton and Woorabinda. In total, 108 people who live in this region took part in the 2017 Regional Wellbeing Survey. </t>
  </si>
  <si>
    <t xml:space="preserve">The Mackay-Isaac-Whitsunday &amp; Townsville and North West regions are Regional Development Australia regions located in the east of Queensland. The regions include the local government areas (LGAs) of Boulia, Burdekin, Burke, Carpentaria, Charters Towers, Cloncurry, Flinders, Hinchinbrook, Isaac, Mackay, McKinlay, Mount Isa, Richmond, Townsville and Whitsunday. In total, 149 people who live in this region took part in the 2017 Regional Wellbeing Survey. </t>
  </si>
  <si>
    <t xml:space="preserve">The Sunshine Coast region is a Regional Development Australia region located in the south east of Queensland. The region includes the local government areas (LGAs) of Noosa and Sunshine Coast. In total, 135 people who live in this region took part in the 2017 Regional Wellbeing Survey. </t>
  </si>
  <si>
    <t>Noosa is an LGA located in the south east of Queensland. In total, 76 people who live in this LGA took part in the 2017 Regional Wellbeing Survey.</t>
  </si>
  <si>
    <t xml:space="preserve">The Wide Bay Burnett region is a Regional Development Australia region located in the south east of Queensland. The region includes the local government areas (LGAs) of Bundaberg, Cherbour, Fraser Coast, Gympie, North Burnett and South Burnett. In total, 153 people who live in this region took part in the 2017 Regional Wellbeing Survey. </t>
  </si>
  <si>
    <t xml:space="preserve">Regional Australia includes all of Australia except the cities of Sydney, Melbourne, Adelaide, Brisbane, Perth and Canberra. In total, 8920 people from regional Australia took part in the 2017 Regional Wellbeing Survey, although not all these people answered every question on the survey. </t>
  </si>
  <si>
    <t xml:space="preserve">The data in this spreadsheet were produced from the 2017 Regional Wellbeing Survey. Information about the survey is available at www.regionalwellbeing.org.au. </t>
  </si>
  <si>
    <t>The data presented in this spreadsheet are from a survey of adult residents of this region. All surveys have some bias in the responses they receive. The 2017 Regional Wellbeing Survey data have, except where otherwise noted, been weighted to ensure responses appropriately represent the true distribution of people in the community based on the following characteristics: (i) gender, (ii) age, (iii) whether the respondent was a farmer or non-farmer, and (iv) geographic region. This weighting was done using the GREGWT survey reweighting technique. While this weighting has addressed key sources of survey response bias, it is likely that some response bias remains. Confidence in the representativeness of data is highest when there are larger sample sizes. Where the number of people who answered a question is low - particularly where it is below 100 - data should be considered less reliable. The Regional Wellbeing Survey 'Wellbeing, Resilience and Liveability in Regional Australia' report, downloadable from the '2015 Regional Wellbeing Survey reports and results' section of our website, includes a more detailed discussion of reliability of the survey data, which should be referred to when interpreting the data in this spreadsheet.</t>
  </si>
  <si>
    <t xml:space="preserve">Queensland includes all of Queensland including the large metropolitan areas of Brisbane and surrounding suburban areas. In total, 1267 people from Queensland took part in the 2017 Regional Wellbeing Survey, although not all these people answered every question on the survey.  </t>
  </si>
  <si>
    <t>Regional Queensland includes all of Queensland except the large metropolitan areas of Brisbane and surrounding suburban areas. In total, 907 people who live in regional Queensland took part in the 2017 Regional Wellbeing Survey, although not all these people answered every question on the survey. A total of 360 people living in urban areas are excluded when reporting for regional Queensland in these data tables.</t>
  </si>
  <si>
    <t xml:space="preserve">The Southern Coastal Queensland region is a group of Regional Development Australia regions located in the south east of Queensland, and include the RDAs of Brisbane City, Gold Coast, Ipswich and West Moreton, Logan and Redlands and Moreton Bay. The region includes the local government areas (LGAs) of Brisbane, Gold Coast, Ipswich, Lockyer Valley, Logan, Moreton Bay, Redland, Scenic Rim and Somerset. In total, 195 people who live in this region took part in the 2017 Regional Wellbeing Survey. </t>
  </si>
  <si>
    <t xml:space="preserve">You may reproduce the data in this spreadsheet for any purpose, providing you acknowledge the data source. Data should be cited as being sourced from the 2017 Regional Wellbeing Survey, Queensland data tables, Version 1.01 August 2018. </t>
  </si>
  <si>
    <t xml:space="preserve">Explanatory notes </t>
  </si>
  <si>
    <t xml:space="preserve">The economic wellbeing of communities was measured by asking survey participants how much they agreed with the following statements, from  'strongly disagree' (1) to 'strongly agree' (7): (i) Living costs are affordable here e.g. food, petrol, housing and (ii) There are plenty of jobs available around here at the moment.
Responses to these two statements were averaged to form a single measure of community economic wellbeing, measured from 1 (low levels of community economic wellbeing) to 7 (high levels of community economic wellbeing). </t>
  </si>
  <si>
    <t>Local employment opportunities questions were measured using two 7-point scales. One measured 'Availability of local jobs' in the local community from 'very poor' (1) to very good (7).
The other measured the extent the extent to which 'Lack of job opportunities' was a problem in a person's local community, on a scale from 'not a problem' (1) to 'very big problem' (7).
Responses are reported as an average and at the proportional level of poor/neither/good and not a problem/neither/problem.</t>
  </si>
  <si>
    <t>Respondents were asked ‘how would you rate your general health?’, and asked to select one of the following options: poor, fair, good, very good or excellent. 
Responses are reported  as an average and as the % providing each response.</t>
  </si>
  <si>
    <t>The Wellbeing - emotional affect index was calculated based on answers of respondents to three question in which they were asked  (i) Yesterday, did you feel happy; (ii) Yesterday, did you feel worried; and (iii) Yesterday, did you feel depressed. Responses are measured using a scale from 'not at all' (0) to 'all of the time' (10). Responses to two of the three statements (depressed and worried) were reversed to align with the scale from 0 (low emotional affect) to 10 (high emotional affect). The three variables were added up and averaged to produce the index for wellbeing - emotional affect.</t>
  </si>
  <si>
    <t>Each individual item used to create the Wellbeing - Emotional Affect Index is presented individually. 
The wellbeing - emotional affect questions were measured on a 10-point scale, from 'not at all' (0) to 'all of the time' (10), and included: 
 (i) 'Yesterday, did you feel happy?'; (ii) 'Yesterday, did you feel worried?'; and (iii) 'Yesterday, did you feel depressed?'.
Responses are reported at the proportional level of not at all/sometimes/all of the time.</t>
  </si>
  <si>
    <t xml:space="preserve">The Kessler six-item measure of General Psychological Distress (the ‘K6’) is measured by asking respondents ‘in the last four weeks, how often have you felt… Nervous?, Hopeless?, Restless or fidgety?, Depressed?, That everything was an effort?, Worthless?'. For each of the 6 items, participants indicated whether they had felt this way: none of the time (1), a little of the time (2), some of the time (3), most of the time (4), or all of the time (5). Total scores were added across these 6 items, to give an overall score of distress measured from a lowest possible score of 6 (no distress at all) to a maximum of 30 (the most severe distress). </t>
  </si>
  <si>
    <t xml:space="preserve">Respondents were asked to identify how much they agreed or disagreed, on a 7-point scale from  'strongly disagree' (1) to 'strongly agree' (7), with the following statements: (i) I am confident I can achieve the things I want in life, and (ii) I am confident I can achieve the things I want in my work. Responses to these statements were averaged to form a single measure of self-efficacy, scored from 1 (low self-efficacy) to 7 (high self-efficacy). 
</t>
  </si>
  <si>
    <t>Each individual item used to create the 'self-efficacy' scale is presented individually. The self-efficacy questions were measured on a 7-point scale, from 'strongly disagree' (1) to 'strongly agree' (7), and included: 
 (i) I am confident I can achieve the things I want in life; (ii) I am confident I can achieve the things I want in my work; and (iii) I have the skills and education I need to achieve what I want to in life. Responses are reported at the proportional level of disagree/neither/agree.</t>
  </si>
  <si>
    <t>The human capital available to communities was measured by asking survey participants how much they agreed with the following statement, from 'strongly disagree' (1) to 'strongly agree' (7): (i) 'Local groups and organisations around here are good at getting things done'. Responses are reported at the proportional level of disagree/neither/agree.</t>
  </si>
  <si>
    <t>Informal social connectedness was measured by asking survey participants how often they did the following, on a scale measured from 'never or almost never' (1) to 'all the time' (7):
(i) I make time to keep in touch with my friends and (ii) I spend time doing things with family members who don’t live with me. The ‘friends and family’ measure was calculated as the average of these items, from 1 (low levels of informal social connectedness) to 7 (high levels of informal social connectedness).</t>
  </si>
  <si>
    <t>Each individual item used to create the 'spending time with friends and family' scale is presented individually. 
The questions were measured on a 7-point scale, from 'never' (1) to 'all the time' (7), and were: (i) I make time to keep in touch with my friends; and (ii) I spend time doing things with family members who don’t live with me.</t>
  </si>
  <si>
    <t>The extent to which rural and regional Australians felt they are able to access local community events was measured by asking survey participants the question 'How good or poor are the following things in your local region at the moment - Community events e.g. festivals'. This was measured on a 7-point scale, from 'very poor' (1) to 'very good' (7). Responses are reported as an average and at the proportional level of poor/moderate/good.</t>
  </si>
  <si>
    <t xml:space="preserve">Regional and rural Australians were asked to rate the quality of access to (i) health services and (ii) local schools on a 7-point scale, from 'very poor' (1) to 'very good' (7). 
Responses are reported as an average and at the proportional level of poor/neither/good access.
</t>
  </si>
  <si>
    <t>Regional and rural Australians were asked to rate the quality of access to  (i) Roads; and (ii) Public transport (including taxis, buses, trains). 
The questions 'How good or poor are the following things in your local region at the moment?' were measured on a 7-point scale, from 'very poor' (1) to 'very good' (7).
 Responses are reported as an average and at the proportional level of poor/neither/good access.</t>
  </si>
  <si>
    <t xml:space="preserve">Regional and rural Australians were asked to rate the quality of access to (i) good local restaurants/cafes and retail shops (on a scale from 'very poor' (1) to 'very good' (7), and the extent to which 'lack of affordable food/groceries at local shops' was a problem in their community on a scale from 'not a problem' (1) to 'very big problem' (7).
Responses are reported as an average and at the proportional level of poor/neither/good access.
</t>
  </si>
  <si>
    <t>Regional and rural Australians were asked to rate their quality of access to  'Local government services' in their local region on a 7-point scale, from 'very poor' (1) to 'very good' (7). Responses are reported as an average and at the proportional level of poor/neither/good access.</t>
  </si>
  <si>
    <t xml:space="preserve">Access to telecommunications was measured by asking respondents their access to the following services using a scale from 'very poor' (1) to 'very good' (7) : (i) Mobile phone reception and (ii) internet access. Scores of 1 indicated low quality access and a score of 7 high quality access to telecommunications.
</t>
  </si>
  <si>
    <t>Telecommunications items are reported individually. Each was measured on a 7-point scale, from 'very poor' (1) to 'very good' (7), and included: 
(i) How good or poor are the following things in your local region at the moment - Mobile phone reception and (ii) Internet access
Responses are reported at the proportional level of poor/neither/good access.</t>
  </si>
  <si>
    <t xml:space="preserve">Crime and safety was measured by asking respondents five questions about safety, crime, alcohol and drug abuse and domestic violence. The questions were measured on a 7-point scale, with quality of 'Safety of the local area' measured from 'very poor' (1) to 'very good' (7), and the remaining four measures measured on a scale from 'not a problem' (1) to 'very big problem' (7) in a person's local community: (ii) Crime; (iii) Drug abuse; (iv) Alcohol abuse and; (v) Domestic violence.
The ‘crime and safety’ scale was then calculated by taking the average score of these items. Scores were reversed where appropriate so that for the scale as a whole score of 1 indicated low levels of safety, and a score of 7 high levels of safety.
</t>
  </si>
  <si>
    <t>Each individual item used to create the 'crime and safety' scale is presented individually. 
The questions were measured on a 7-point scale, with quality of 'Safety of the local area' measured from 'very poor' (1) to 'very good' (7), and the remaining four measures measured on a scale from 'not a problem' (1) to 'very big problem' (7) in a person's local community: (ii) Crime; (iii) Drug abuse; (iv) Alcohol abuse and; (v) Domestic violence.
Responses are reported at the proportional level of poor/neither/good access and not a problem/neither/problem.</t>
  </si>
  <si>
    <t xml:space="preserve">The attractiveness of the landscape a person lived in was measured by asking respondents how much they agreed or disagreed with the following statements, measured on a scale of 'very poor' (1) to 'very good' (7): (i) Attractiveness of the local landscape and (i) Local climate and weather.
The ‘landscape and aesthetics’ scale was then constructed as the average score of responses to these items.
</t>
  </si>
  <si>
    <t>Each survey item used to create the 'landscape and aesthetics' scale is presented individually. The questions were measured on a 7-point scale, from 'very poor' (1) to 'very good' (7), and included: 
(i) Attractiveness of the local landscape and (ii) Local climate and weather. Responses are reported as an average and at the proportional level of poor/neither/good.</t>
  </si>
  <si>
    <t xml:space="preserve">Perceived environmental health was measured by asking survey participants (i) the extent to which 'Health of the local environment' was good or poor on a scale from 'very poor' (1) to 'very good' (7), and the extent to which 'Environmental degradation' was a problem on a scale from 'not a problem' (1) to 'very big problem' (7). The average score of these variables was calculated as a measure of perceived environmental health. Scores for the second item were reversed before calculation of the scale, so that a score of 1 represented poor environmental health, and a score of 7 represented good environmental health.
</t>
  </si>
  <si>
    <t xml:space="preserve">Each individual item used to create the 'perceived environmental health' scale is presented individually, together with an additional item asking about perceptions of water quality. 
The questions were measured on two different 7-point scales.  (i) Water quality in local rivers and lakes; (ii) Health of local environment were measured using a 7 point scale 'very poor' (1) to 'very good' (7); and; (iii) Environmental degradation was measured on a scale of 'not a problem' (1) to 'very big problem' (7).
Responses are reported at the proportional level of poor/neither/good access and not a problem/neither/problem.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64" formatCode="###0.0%"/>
    <numFmt numFmtId="165" formatCode="###0"/>
    <numFmt numFmtId="166" formatCode="####.0%"/>
    <numFmt numFmtId="167" formatCode="0.0%"/>
    <numFmt numFmtId="168" formatCode="0.0"/>
  </numFmts>
  <fonts count="34">
    <font>
      <sz val="11"/>
      <color theme="1"/>
      <name val="Calibri"/>
      <family val="2"/>
      <scheme val="minor"/>
    </font>
    <font>
      <sz val="10"/>
      <name val="Arial"/>
      <family val="2"/>
    </font>
    <font>
      <sz val="10"/>
      <name val="Arial"/>
      <family val="2"/>
    </font>
    <font>
      <u/>
      <sz val="11"/>
      <color theme="10"/>
      <name val="Calibri"/>
      <family val="2"/>
      <scheme val="minor"/>
    </font>
    <font>
      <b/>
      <sz val="11"/>
      <color theme="1"/>
      <name val="Calibri"/>
      <family val="2"/>
      <scheme val="minor"/>
    </font>
    <font>
      <sz val="11"/>
      <color rgb="FFFF0000"/>
      <name val="Calibri"/>
      <family val="2"/>
      <scheme val="minor"/>
    </font>
    <font>
      <sz val="19.25"/>
      <color rgb="FF000000"/>
      <name val="DINNextW01-CondensedReg"/>
    </font>
    <font>
      <sz val="18"/>
      <color theme="1"/>
      <name val="Calibri"/>
      <family val="2"/>
      <scheme val="minor"/>
    </font>
    <font>
      <b/>
      <sz val="16"/>
      <color theme="1"/>
      <name val="Calibri"/>
      <family val="2"/>
      <scheme val="minor"/>
    </font>
    <font>
      <sz val="14"/>
      <color theme="1"/>
      <name val="Calibri"/>
      <family val="2"/>
      <scheme val="minor"/>
    </font>
    <font>
      <sz val="16"/>
      <color theme="1"/>
      <name val="Calibri"/>
      <family val="2"/>
      <scheme val="minor"/>
    </font>
    <font>
      <b/>
      <sz val="24"/>
      <color theme="1"/>
      <name val="Calibri"/>
      <family val="2"/>
      <scheme val="minor"/>
    </font>
    <font>
      <b/>
      <sz val="22"/>
      <color theme="1"/>
      <name val="Calibri"/>
      <family val="2"/>
      <scheme val="minor"/>
    </font>
    <font>
      <b/>
      <sz val="14"/>
      <color theme="1"/>
      <name val="Calibri"/>
      <family val="2"/>
      <scheme val="minor"/>
    </font>
    <font>
      <b/>
      <sz val="14"/>
      <name val="Calibri"/>
      <family val="2"/>
      <scheme val="minor"/>
    </font>
    <font>
      <sz val="12"/>
      <name val="Calibri"/>
      <family val="2"/>
      <scheme val="minor"/>
    </font>
    <font>
      <sz val="12"/>
      <color theme="0"/>
      <name val="Calibri"/>
      <family val="2"/>
      <scheme val="minor"/>
    </font>
    <font>
      <b/>
      <sz val="10"/>
      <name val="Calibri"/>
      <family val="2"/>
      <scheme val="minor"/>
    </font>
    <font>
      <b/>
      <sz val="9"/>
      <name val="Calibri"/>
      <family val="2"/>
      <scheme val="minor"/>
    </font>
    <font>
      <b/>
      <i/>
      <sz val="9"/>
      <color theme="0" tint="-0.499984740745262"/>
      <name val="Calibri"/>
      <family val="2"/>
      <scheme val="minor"/>
    </font>
    <font>
      <sz val="10"/>
      <name val="Calibri"/>
      <family val="2"/>
      <scheme val="minor"/>
    </font>
    <font>
      <sz val="9"/>
      <name val="Calibri"/>
      <family val="2"/>
      <scheme val="minor"/>
    </font>
    <font>
      <i/>
      <sz val="9"/>
      <color theme="0" tint="-0.499984740745262"/>
      <name val="Calibri"/>
      <family val="2"/>
      <scheme val="minor"/>
    </font>
    <font>
      <sz val="10"/>
      <color theme="1"/>
      <name val="Calibri"/>
      <family val="2"/>
      <scheme val="minor"/>
    </font>
    <font>
      <sz val="10"/>
      <color indexed="8"/>
      <name val="Calibri"/>
      <family val="2"/>
      <scheme val="minor"/>
    </font>
    <font>
      <sz val="10"/>
      <color theme="0"/>
      <name val="Calibri"/>
      <family val="2"/>
      <scheme val="minor"/>
    </font>
    <font>
      <b/>
      <sz val="11"/>
      <name val="Calibri"/>
      <family val="2"/>
      <scheme val="minor"/>
    </font>
    <font>
      <sz val="11"/>
      <name val="Calibri"/>
      <family val="2"/>
      <scheme val="minor"/>
    </font>
    <font>
      <b/>
      <sz val="11"/>
      <color rgb="FFFF0000"/>
      <name val="Calibri"/>
      <family val="2"/>
      <scheme val="minor"/>
    </font>
    <font>
      <b/>
      <sz val="18"/>
      <color rgb="FFFF0000"/>
      <name val="Calibri"/>
      <family val="2"/>
      <scheme val="minor"/>
    </font>
    <font>
      <sz val="12"/>
      <color rgb="FFFF0000"/>
      <name val="Calibri"/>
      <family val="2"/>
      <scheme val="minor"/>
    </font>
    <font>
      <sz val="11"/>
      <name val="Calibri"/>
      <family val="2"/>
    </font>
    <font>
      <u/>
      <sz val="11"/>
      <color theme="7" tint="-0.249977111117893"/>
      <name val="Calibri"/>
      <family val="2"/>
      <scheme val="minor"/>
    </font>
    <font>
      <b/>
      <sz val="16"/>
      <name val="Calibri"/>
      <family val="2"/>
      <scheme val="minor"/>
    </font>
  </fonts>
  <fills count="8">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8" tint="0.79998168889431442"/>
        <bgColor indexed="64"/>
      </patternFill>
    </fill>
    <fill>
      <patternFill patternType="solid">
        <fgColor theme="8" tint="-0.249977111117893"/>
        <bgColor indexed="64"/>
      </patternFill>
    </fill>
    <fill>
      <patternFill patternType="solid">
        <fgColor theme="8" tint="0.39997558519241921"/>
        <bgColor indexed="64"/>
      </patternFill>
    </fill>
    <fill>
      <patternFill patternType="solid">
        <fgColor theme="8" tint="0.59999389629810485"/>
        <bgColor indexed="64"/>
      </patternFill>
    </fill>
  </fills>
  <borders count="8">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s>
  <cellStyleXfs count="38">
    <xf numFmtId="0" fontId="0" fillId="0" borderId="0"/>
    <xf numFmtId="0" fontId="3" fillId="0" borderId="0" applyNumberFormat="0" applyFill="0" applyBorder="0" applyAlignment="0" applyProtection="0"/>
    <xf numFmtId="0" fontId="1" fillId="0" borderId="0"/>
    <xf numFmtId="0" fontId="1" fillId="0" borderId="0"/>
    <xf numFmtId="0" fontId="2" fillId="0" borderId="0"/>
    <xf numFmtId="0" fontId="2"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1"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2" fillId="0" borderId="0"/>
    <xf numFmtId="0" fontId="1" fillId="0" borderId="0"/>
    <xf numFmtId="0" fontId="2"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31" fillId="0" borderId="0"/>
  </cellStyleXfs>
  <cellXfs count="390">
    <xf numFmtId="0" fontId="0" fillId="0" borderId="0" xfId="0"/>
    <xf numFmtId="0" fontId="0" fillId="0" borderId="0" xfId="0" applyFont="1"/>
    <xf numFmtId="0" fontId="0" fillId="2" borderId="0" xfId="0" applyFill="1"/>
    <xf numFmtId="0" fontId="3" fillId="2" borderId="0" xfId="1" applyFill="1" applyAlignment="1"/>
    <xf numFmtId="0" fontId="6" fillId="0" borderId="0" xfId="0" applyFont="1" applyAlignment="1">
      <alignment vertical="center"/>
    </xf>
    <xf numFmtId="0" fontId="0" fillId="0" borderId="0" xfId="0" applyFont="1"/>
    <xf numFmtId="0" fontId="0" fillId="2" borderId="0" xfId="0" applyFill="1" applyAlignment="1">
      <alignment horizontal="left"/>
    </xf>
    <xf numFmtId="0" fontId="0" fillId="2" borderId="0" xfId="0" applyFill="1" applyAlignment="1">
      <alignment wrapText="1"/>
    </xf>
    <xf numFmtId="0" fontId="7" fillId="2" borderId="0" xfId="0" applyFont="1" applyFill="1" applyAlignment="1"/>
    <xf numFmtId="0" fontId="8" fillId="2" borderId="0" xfId="0" applyFont="1" applyFill="1" applyAlignment="1">
      <alignment horizontal="left"/>
    </xf>
    <xf numFmtId="0" fontId="0" fillId="2" borderId="0" xfId="0" applyFill="1" applyAlignment="1">
      <alignment horizontal="center"/>
    </xf>
    <xf numFmtId="0" fontId="4" fillId="2" borderId="0" xfId="0" applyFont="1" applyFill="1" applyAlignment="1">
      <alignment horizontal="left"/>
    </xf>
    <xf numFmtId="0" fontId="4" fillId="2" borderId="0" xfId="0" applyFont="1" applyFill="1"/>
    <xf numFmtId="0" fontId="0" fillId="2" borderId="0" xfId="0" applyFill="1" applyAlignment="1">
      <alignment horizontal="left"/>
    </xf>
    <xf numFmtId="0" fontId="0" fillId="2" borderId="0" xfId="0" applyFill="1" applyAlignment="1">
      <alignment horizontal="left" wrapText="1"/>
    </xf>
    <xf numFmtId="1" fontId="0" fillId="2" borderId="0" xfId="0" applyNumberFormat="1" applyFill="1" applyAlignment="1">
      <alignment horizontal="left"/>
    </xf>
    <xf numFmtId="0" fontId="9" fillId="2" borderId="0" xfId="0" applyFont="1" applyFill="1"/>
    <xf numFmtId="0" fontId="0" fillId="2" borderId="0" xfId="0" applyFill="1"/>
    <xf numFmtId="0" fontId="0" fillId="2" borderId="0" xfId="0" applyFill="1"/>
    <xf numFmtId="0" fontId="5" fillId="2" borderId="0" xfId="0" applyFont="1" applyFill="1"/>
    <xf numFmtId="0" fontId="8" fillId="2" borderId="0" xfId="0" applyFont="1" applyFill="1" applyAlignment="1">
      <alignment horizontal="center"/>
    </xf>
    <xf numFmtId="0" fontId="0" fillId="2" borderId="0" xfId="0" applyFill="1"/>
    <xf numFmtId="1" fontId="0" fillId="3" borderId="0" xfId="0" applyNumberFormat="1" applyFill="1" applyAlignment="1">
      <alignment horizontal="left"/>
    </xf>
    <xf numFmtId="0" fontId="8" fillId="3" borderId="0" xfId="0" applyFont="1" applyFill="1" applyAlignment="1"/>
    <xf numFmtId="0" fontId="9" fillId="3" borderId="0" xfId="0" applyFont="1" applyFill="1" applyAlignment="1"/>
    <xf numFmtId="0" fontId="0" fillId="3" borderId="0" xfId="0" applyFill="1" applyAlignment="1">
      <alignment horizontal="left"/>
    </xf>
    <xf numFmtId="0" fontId="3" fillId="3" borderId="0" xfId="1" applyFill="1"/>
    <xf numFmtId="0" fontId="9" fillId="3" borderId="0" xfId="0" applyFont="1" applyFill="1"/>
    <xf numFmtId="0" fontId="3" fillId="3" borderId="0" xfId="1" applyFill="1" applyAlignment="1">
      <alignment vertical="top" wrapText="1"/>
    </xf>
    <xf numFmtId="1" fontId="10" fillId="3" borderId="0" xfId="0" applyNumberFormat="1" applyFont="1" applyFill="1" applyAlignment="1">
      <alignment horizontal="left"/>
    </xf>
    <xf numFmtId="0" fontId="3" fillId="3" borderId="0" xfId="1" quotePrefix="1" applyFill="1"/>
    <xf numFmtId="1" fontId="3" fillId="3" borderId="0" xfId="1" applyNumberFormat="1" applyFill="1" applyAlignment="1">
      <alignment horizontal="left"/>
    </xf>
    <xf numFmtId="0" fontId="9" fillId="3" borderId="0" xfId="0" applyFont="1" applyFill="1" applyAlignment="1">
      <alignment horizontal="left"/>
    </xf>
    <xf numFmtId="0" fontId="11" fillId="0" borderId="0" xfId="0" applyFont="1"/>
    <xf numFmtId="0" fontId="0" fillId="3" borderId="0" xfId="0" quotePrefix="1" applyFill="1" applyAlignment="1"/>
    <xf numFmtId="0" fontId="0" fillId="3" borderId="0" xfId="0" applyFill="1" applyAlignment="1"/>
    <xf numFmtId="0" fontId="12" fillId="0" borderId="0" xfId="0" applyFont="1"/>
    <xf numFmtId="0" fontId="17" fillId="6" borderId="1" xfId="0" applyFont="1" applyFill="1" applyBorder="1" applyAlignment="1">
      <alignment horizontal="left" vertical="top"/>
    </xf>
    <xf numFmtId="0" fontId="18" fillId="6" borderId="1" xfId="28" applyFont="1" applyFill="1" applyBorder="1" applyAlignment="1">
      <alignment horizontal="left" vertical="top" wrapText="1"/>
    </xf>
    <xf numFmtId="168" fontId="18" fillId="6" borderId="1" xfId="28" applyNumberFormat="1" applyFont="1" applyFill="1" applyBorder="1" applyAlignment="1">
      <alignment horizontal="left" vertical="top" wrapText="1"/>
    </xf>
    <xf numFmtId="168" fontId="19" fillId="6" borderId="1" xfId="28" applyNumberFormat="1" applyFont="1" applyFill="1" applyBorder="1" applyAlignment="1">
      <alignment horizontal="left" vertical="top" wrapText="1"/>
    </xf>
    <xf numFmtId="0" fontId="20" fillId="6" borderId="1" xfId="0" applyFont="1" applyFill="1" applyBorder="1" applyAlignment="1">
      <alignment vertical="center"/>
    </xf>
    <xf numFmtId="0" fontId="21" fillId="6" borderId="1" xfId="15" applyFont="1" applyFill="1" applyBorder="1" applyAlignment="1">
      <alignment horizontal="left" vertical="top" wrapText="1"/>
    </xf>
    <xf numFmtId="168" fontId="21" fillId="6" borderId="1" xfId="28" applyNumberFormat="1" applyFont="1" applyFill="1" applyBorder="1" applyAlignment="1">
      <alignment horizontal="left" vertical="top" wrapText="1"/>
    </xf>
    <xf numFmtId="168" fontId="22" fillId="6" borderId="1" xfId="15" applyNumberFormat="1" applyFont="1" applyFill="1" applyBorder="1" applyAlignment="1">
      <alignment horizontal="left" vertical="top" wrapText="1"/>
    </xf>
    <xf numFmtId="0" fontId="23" fillId="0" borderId="1" xfId="0" applyFont="1" applyBorder="1" applyAlignment="1">
      <alignment horizontal="left" vertical="center" wrapText="1"/>
    </xf>
    <xf numFmtId="165" fontId="20" fillId="0" borderId="1" xfId="15" applyNumberFormat="1" applyFont="1" applyFill="1" applyBorder="1" applyAlignment="1">
      <alignment horizontal="left" vertical="center"/>
    </xf>
    <xf numFmtId="168" fontId="20" fillId="0" borderId="1" xfId="28" applyNumberFormat="1" applyFont="1" applyFill="1" applyBorder="1" applyAlignment="1">
      <alignment horizontal="left" vertical="center"/>
    </xf>
    <xf numFmtId="168" fontId="22" fillId="0" borderId="1" xfId="15" applyNumberFormat="1" applyFont="1" applyFill="1" applyBorder="1" applyAlignment="1">
      <alignment horizontal="left" vertical="center"/>
    </xf>
    <xf numFmtId="0" fontId="24" fillId="4" borderId="1" xfId="17" applyFont="1" applyFill="1" applyBorder="1" applyAlignment="1">
      <alignment horizontal="left" vertical="center" wrapText="1"/>
    </xf>
    <xf numFmtId="165" fontId="20" fillId="4" borderId="1" xfId="15" applyNumberFormat="1" applyFont="1" applyFill="1" applyBorder="1" applyAlignment="1">
      <alignment horizontal="left" vertical="center"/>
    </xf>
    <xf numFmtId="168" fontId="20" fillId="4" borderId="1" xfId="28" applyNumberFormat="1" applyFont="1" applyFill="1" applyBorder="1" applyAlignment="1">
      <alignment horizontal="left" vertical="center"/>
    </xf>
    <xf numFmtId="168" fontId="22" fillId="4" borderId="1" xfId="15" applyNumberFormat="1" applyFont="1" applyFill="1" applyBorder="1" applyAlignment="1">
      <alignment horizontal="left" vertical="center"/>
    </xf>
    <xf numFmtId="0" fontId="20" fillId="0" borderId="1" xfId="24" applyFont="1" applyFill="1" applyBorder="1" applyAlignment="1">
      <alignment horizontal="left" vertical="center" wrapText="1"/>
    </xf>
    <xf numFmtId="165" fontId="20" fillId="0" borderId="1" xfId="24" applyNumberFormat="1" applyFont="1" applyFill="1" applyBorder="1" applyAlignment="1">
      <alignment horizontal="left" vertical="center"/>
    </xf>
    <xf numFmtId="168" fontId="20" fillId="0" borderId="1" xfId="24" applyNumberFormat="1" applyFont="1" applyFill="1" applyBorder="1" applyAlignment="1">
      <alignment horizontal="left" vertical="center"/>
    </xf>
    <xf numFmtId="168" fontId="22" fillId="0" borderId="1" xfId="24" applyNumberFormat="1" applyFont="1" applyFill="1" applyBorder="1" applyAlignment="1">
      <alignment horizontal="left" vertical="center"/>
    </xf>
    <xf numFmtId="0" fontId="24" fillId="0" borderId="1" xfId="17" applyFont="1" applyBorder="1" applyAlignment="1">
      <alignment horizontal="left" vertical="center" wrapText="1"/>
    </xf>
    <xf numFmtId="165" fontId="20" fillId="0" borderId="1" xfId="22" applyNumberFormat="1" applyFont="1" applyFill="1" applyBorder="1" applyAlignment="1">
      <alignment horizontal="left" vertical="center"/>
    </xf>
    <xf numFmtId="168" fontId="20" fillId="0" borderId="1" xfId="22" applyNumberFormat="1" applyFont="1" applyFill="1" applyBorder="1" applyAlignment="1">
      <alignment horizontal="left" vertical="center"/>
    </xf>
    <xf numFmtId="168" fontId="22" fillId="0" borderId="1" xfId="22" applyNumberFormat="1" applyFont="1" applyFill="1" applyBorder="1" applyAlignment="1">
      <alignment horizontal="left" vertical="center"/>
    </xf>
    <xf numFmtId="165" fontId="20" fillId="4" borderId="1" xfId="22" applyNumberFormat="1" applyFont="1" applyFill="1" applyBorder="1" applyAlignment="1">
      <alignment horizontal="left" vertical="center"/>
    </xf>
    <xf numFmtId="168" fontId="20" fillId="4" borderId="1" xfId="22" applyNumberFormat="1" applyFont="1" applyFill="1" applyBorder="1" applyAlignment="1">
      <alignment horizontal="left" vertical="center"/>
    </xf>
    <xf numFmtId="168" fontId="22" fillId="4" borderId="1" xfId="22" applyNumberFormat="1" applyFont="1" applyFill="1" applyBorder="1" applyAlignment="1">
      <alignment horizontal="left" vertical="center"/>
    </xf>
    <xf numFmtId="0" fontId="25" fillId="5" borderId="1" xfId="28" quotePrefix="1" applyFont="1" applyFill="1" applyBorder="1" applyAlignment="1">
      <alignment horizontal="left" vertical="top" wrapText="1"/>
    </xf>
    <xf numFmtId="0" fontId="18" fillId="7" borderId="1" xfId="28" applyFont="1" applyFill="1" applyBorder="1" applyAlignment="1">
      <alignment horizontal="left" vertical="top" wrapText="1"/>
    </xf>
    <xf numFmtId="168" fontId="18" fillId="7" borderId="1" xfId="28" applyNumberFormat="1" applyFont="1" applyFill="1" applyBorder="1" applyAlignment="1">
      <alignment horizontal="left" vertical="top" wrapText="1"/>
    </xf>
    <xf numFmtId="168" fontId="19" fillId="7" borderId="1" xfId="28" applyNumberFormat="1" applyFont="1" applyFill="1" applyBorder="1" applyAlignment="1">
      <alignment horizontal="left" vertical="top" wrapText="1"/>
    </xf>
    <xf numFmtId="0" fontId="21" fillId="7" borderId="1" xfId="15" applyFont="1" applyFill="1" applyBorder="1" applyAlignment="1">
      <alignment horizontal="left" vertical="top" wrapText="1"/>
    </xf>
    <xf numFmtId="168" fontId="21" fillId="7" borderId="1" xfId="28" applyNumberFormat="1" applyFont="1" applyFill="1" applyBorder="1" applyAlignment="1">
      <alignment horizontal="left" vertical="top" wrapText="1"/>
    </xf>
    <xf numFmtId="168" fontId="22" fillId="7" borderId="1" xfId="15" applyNumberFormat="1" applyFont="1" applyFill="1" applyBorder="1" applyAlignment="1">
      <alignment horizontal="left" vertical="top" wrapText="1"/>
    </xf>
    <xf numFmtId="165" fontId="20" fillId="0" borderId="1" xfId="32" applyNumberFormat="1" applyFont="1" applyFill="1" applyBorder="1" applyAlignment="1">
      <alignment horizontal="left" vertical="center"/>
    </xf>
    <xf numFmtId="168" fontId="20" fillId="0" borderId="1" xfId="30" applyNumberFormat="1" applyFont="1" applyFill="1" applyBorder="1" applyAlignment="1">
      <alignment horizontal="left" vertical="center"/>
    </xf>
    <xf numFmtId="168" fontId="22" fillId="0" borderId="1" xfId="32" applyNumberFormat="1" applyFont="1" applyFill="1" applyBorder="1" applyAlignment="1">
      <alignment horizontal="left" vertical="center"/>
    </xf>
    <xf numFmtId="165" fontId="20" fillId="4" borderId="1" xfId="32" applyNumberFormat="1" applyFont="1" applyFill="1" applyBorder="1" applyAlignment="1">
      <alignment horizontal="left" vertical="center"/>
    </xf>
    <xf numFmtId="168" fontId="20" fillId="4" borderId="1" xfId="30" applyNumberFormat="1" applyFont="1" applyFill="1" applyBorder="1" applyAlignment="1">
      <alignment horizontal="left" vertical="center"/>
    </xf>
    <xf numFmtId="168" fontId="22" fillId="4" borderId="1" xfId="32" applyNumberFormat="1" applyFont="1" applyFill="1" applyBorder="1" applyAlignment="1">
      <alignment horizontal="left" vertical="center"/>
    </xf>
    <xf numFmtId="165" fontId="20" fillId="0" borderId="1" xfId="29" applyNumberFormat="1" applyFont="1" applyFill="1" applyBorder="1" applyAlignment="1">
      <alignment horizontal="left" vertical="center"/>
    </xf>
    <xf numFmtId="168" fontId="20" fillId="0" borderId="1" xfId="29" applyNumberFormat="1" applyFont="1" applyFill="1" applyBorder="1" applyAlignment="1">
      <alignment horizontal="left" vertical="center"/>
    </xf>
    <xf numFmtId="168" fontId="22" fillId="0" borderId="1" xfId="29" applyNumberFormat="1" applyFont="1" applyFill="1" applyBorder="1" applyAlignment="1">
      <alignment horizontal="left" vertical="center"/>
    </xf>
    <xf numFmtId="165" fontId="20" fillId="4" borderId="1" xfId="29" applyNumberFormat="1" applyFont="1" applyFill="1" applyBorder="1" applyAlignment="1">
      <alignment horizontal="left" vertical="center"/>
    </xf>
    <xf numFmtId="168" fontId="20" fillId="4" borderId="1" xfId="29" applyNumberFormat="1" applyFont="1" applyFill="1" applyBorder="1" applyAlignment="1">
      <alignment horizontal="left" vertical="center"/>
    </xf>
    <xf numFmtId="168" fontId="22" fillId="4" borderId="1" xfId="29" applyNumberFormat="1" applyFont="1" applyFill="1" applyBorder="1" applyAlignment="1">
      <alignment horizontal="left" vertical="center"/>
    </xf>
    <xf numFmtId="165" fontId="20" fillId="0" borderId="1" xfId="25" applyNumberFormat="1" applyFont="1" applyFill="1" applyBorder="1" applyAlignment="1">
      <alignment horizontal="left" vertical="center"/>
    </xf>
    <xf numFmtId="168" fontId="20" fillId="0" borderId="1" xfId="25" applyNumberFormat="1" applyFont="1" applyFill="1" applyBorder="1" applyAlignment="1">
      <alignment horizontal="left" vertical="center"/>
    </xf>
    <xf numFmtId="168" fontId="22" fillId="0" borderId="1" xfId="25" applyNumberFormat="1" applyFont="1" applyFill="1" applyBorder="1" applyAlignment="1">
      <alignment horizontal="left" vertical="center"/>
    </xf>
    <xf numFmtId="168" fontId="22" fillId="0" borderId="1" xfId="33" applyNumberFormat="1" applyFont="1" applyFill="1" applyBorder="1" applyAlignment="1">
      <alignment horizontal="left" vertical="center"/>
    </xf>
    <xf numFmtId="168" fontId="22" fillId="4" borderId="1" xfId="33" applyNumberFormat="1" applyFont="1" applyFill="1" applyBorder="1" applyAlignment="1">
      <alignment horizontal="left" vertical="center"/>
    </xf>
    <xf numFmtId="167" fontId="19" fillId="7" borderId="1" xfId="28" applyNumberFormat="1" applyFont="1" applyFill="1" applyBorder="1" applyAlignment="1">
      <alignment horizontal="left" vertical="top" wrapText="1"/>
    </xf>
    <xf numFmtId="167" fontId="19" fillId="6" borderId="1" xfId="28" applyNumberFormat="1" applyFont="1" applyFill="1" applyBorder="1" applyAlignment="1">
      <alignment horizontal="left" vertical="top" wrapText="1"/>
    </xf>
    <xf numFmtId="167" fontId="22" fillId="7" borderId="1" xfId="15" applyNumberFormat="1" applyFont="1" applyFill="1" applyBorder="1" applyAlignment="1">
      <alignment horizontal="left" vertical="top" wrapText="1"/>
    </xf>
    <xf numFmtId="167" fontId="22" fillId="6" borderId="1" xfId="15" applyNumberFormat="1" applyFont="1" applyFill="1" applyBorder="1" applyAlignment="1">
      <alignment horizontal="left" vertical="top" wrapText="1"/>
    </xf>
    <xf numFmtId="165" fontId="20" fillId="0" borderId="1" xfId="6" applyNumberFormat="1" applyFont="1" applyFill="1" applyBorder="1" applyAlignment="1">
      <alignment horizontal="left" vertical="center"/>
    </xf>
    <xf numFmtId="164" fontId="20" fillId="0" borderId="1" xfId="6" applyNumberFormat="1" applyFont="1" applyFill="1" applyBorder="1" applyAlignment="1">
      <alignment horizontal="left" vertical="center"/>
    </xf>
    <xf numFmtId="167" fontId="22" fillId="0" borderId="1" xfId="0" applyNumberFormat="1" applyFont="1" applyFill="1" applyBorder="1" applyAlignment="1">
      <alignment horizontal="left" vertical="center" wrapText="1"/>
    </xf>
    <xf numFmtId="165" fontId="20" fillId="4" borderId="1" xfId="6" applyNumberFormat="1" applyFont="1" applyFill="1" applyBorder="1" applyAlignment="1">
      <alignment horizontal="left" vertical="center"/>
    </xf>
    <xf numFmtId="164" fontId="20" fillId="4" borderId="1" xfId="6" applyNumberFormat="1" applyFont="1" applyFill="1" applyBorder="1" applyAlignment="1">
      <alignment horizontal="left" vertical="center"/>
    </xf>
    <xf numFmtId="167" fontId="22" fillId="4" borderId="1" xfId="0" applyNumberFormat="1" applyFont="1" applyFill="1" applyBorder="1" applyAlignment="1">
      <alignment horizontal="left" vertical="center" wrapText="1"/>
    </xf>
    <xf numFmtId="164" fontId="20" fillId="0" borderId="1" xfId="25" applyNumberFormat="1" applyFont="1" applyFill="1" applyBorder="1" applyAlignment="1">
      <alignment horizontal="left" vertical="center"/>
    </xf>
    <xf numFmtId="165" fontId="20" fillId="0" borderId="1" xfId="26" applyNumberFormat="1" applyFont="1" applyFill="1" applyBorder="1" applyAlignment="1">
      <alignment horizontal="left" vertical="center"/>
    </xf>
    <xf numFmtId="168" fontId="20" fillId="0" borderId="1" xfId="26" applyNumberFormat="1" applyFont="1" applyFill="1" applyBorder="1" applyAlignment="1">
      <alignment horizontal="left" vertical="center"/>
    </xf>
    <xf numFmtId="168" fontId="22" fillId="0" borderId="1" xfId="26" applyNumberFormat="1" applyFont="1" applyFill="1" applyBorder="1" applyAlignment="1">
      <alignment horizontal="left" vertical="center"/>
    </xf>
    <xf numFmtId="164" fontId="20" fillId="0" borderId="1" xfId="14" applyNumberFormat="1" applyFont="1" applyFill="1" applyBorder="1" applyAlignment="1">
      <alignment horizontal="left" vertical="center"/>
    </xf>
    <xf numFmtId="165" fontId="20" fillId="4" borderId="1" xfId="26" applyNumberFormat="1" applyFont="1" applyFill="1" applyBorder="1" applyAlignment="1">
      <alignment horizontal="left" vertical="center"/>
    </xf>
    <xf numFmtId="168" fontId="20" fillId="4" borderId="1" xfId="26" applyNumberFormat="1" applyFont="1" applyFill="1" applyBorder="1" applyAlignment="1">
      <alignment horizontal="left" vertical="center"/>
    </xf>
    <xf numFmtId="168" fontId="22" fillId="4" borderId="1" xfId="26" applyNumberFormat="1" applyFont="1" applyFill="1" applyBorder="1" applyAlignment="1">
      <alignment horizontal="left" vertical="center"/>
    </xf>
    <xf numFmtId="164" fontId="20" fillId="4" borderId="1" xfId="14" applyNumberFormat="1" applyFont="1" applyFill="1" applyBorder="1" applyAlignment="1">
      <alignment horizontal="left" vertical="center"/>
    </xf>
    <xf numFmtId="0" fontId="25" fillId="5" borderId="1" xfId="26" applyFont="1" applyFill="1" applyBorder="1" applyAlignment="1">
      <alignment vertical="top" wrapText="1"/>
    </xf>
    <xf numFmtId="0" fontId="26" fillId="6" borderId="1" xfId="0" applyFont="1" applyFill="1" applyBorder="1" applyAlignment="1">
      <alignment horizontal="left" vertical="top"/>
    </xf>
    <xf numFmtId="0" fontId="27" fillId="6" borderId="1" xfId="0" applyFont="1" applyFill="1" applyBorder="1" applyAlignment="1">
      <alignment vertical="center"/>
    </xf>
    <xf numFmtId="165" fontId="20" fillId="0" borderId="1" xfId="16" applyNumberFormat="1" applyFont="1" applyFill="1" applyBorder="1" applyAlignment="1">
      <alignment horizontal="left" vertical="center"/>
    </xf>
    <xf numFmtId="164" fontId="20" fillId="0" borderId="1" xfId="16" applyNumberFormat="1" applyFont="1" applyFill="1" applyBorder="1" applyAlignment="1">
      <alignment horizontal="left" vertical="center"/>
    </xf>
    <xf numFmtId="165" fontId="20" fillId="4" borderId="1" xfId="16" applyNumberFormat="1" applyFont="1" applyFill="1" applyBorder="1" applyAlignment="1">
      <alignment horizontal="left" vertical="center"/>
    </xf>
    <xf numFmtId="164" fontId="20" fillId="4" borderId="1" xfId="16" applyNumberFormat="1" applyFont="1" applyFill="1" applyBorder="1" applyAlignment="1">
      <alignment horizontal="left" vertical="center"/>
    </xf>
    <xf numFmtId="165" fontId="20" fillId="0" borderId="1" xfId="11" applyNumberFormat="1" applyFont="1" applyFill="1" applyBorder="1" applyAlignment="1">
      <alignment horizontal="left" vertical="center"/>
    </xf>
    <xf numFmtId="168" fontId="20" fillId="0" borderId="1" xfId="11" applyNumberFormat="1" applyFont="1" applyFill="1" applyBorder="1" applyAlignment="1">
      <alignment horizontal="left" vertical="center"/>
    </xf>
    <xf numFmtId="168" fontId="22" fillId="0" borderId="1" xfId="11" applyNumberFormat="1" applyFont="1" applyFill="1" applyBorder="1" applyAlignment="1">
      <alignment horizontal="left" vertical="center"/>
    </xf>
    <xf numFmtId="165" fontId="20" fillId="4" borderId="1" xfId="11" applyNumberFormat="1" applyFont="1" applyFill="1" applyBorder="1" applyAlignment="1">
      <alignment horizontal="left" vertical="center"/>
    </xf>
    <xf numFmtId="168" fontId="20" fillId="4" borderId="1" xfId="11" applyNumberFormat="1" applyFont="1" applyFill="1" applyBorder="1" applyAlignment="1">
      <alignment horizontal="left" vertical="center"/>
    </xf>
    <xf numFmtId="168" fontId="22" fillId="4" borderId="1" xfId="11" applyNumberFormat="1" applyFont="1" applyFill="1" applyBorder="1" applyAlignment="1">
      <alignment horizontal="left" vertical="center"/>
    </xf>
    <xf numFmtId="165" fontId="20" fillId="0" borderId="1" xfId="0" applyNumberFormat="1" applyFont="1" applyFill="1" applyBorder="1" applyAlignment="1">
      <alignment horizontal="left" vertical="center"/>
    </xf>
    <xf numFmtId="164" fontId="20" fillId="0" borderId="1" xfId="12" applyNumberFormat="1" applyFont="1" applyFill="1" applyBorder="1" applyAlignment="1">
      <alignment horizontal="left" vertical="center"/>
    </xf>
    <xf numFmtId="165" fontId="20" fillId="0" borderId="1" xfId="12" applyNumberFormat="1" applyFont="1" applyFill="1" applyBorder="1" applyAlignment="1">
      <alignment horizontal="left" vertical="center"/>
    </xf>
    <xf numFmtId="165" fontId="20" fillId="4" borderId="1" xfId="0" applyNumberFormat="1" applyFont="1" applyFill="1" applyBorder="1" applyAlignment="1">
      <alignment horizontal="left" vertical="center"/>
    </xf>
    <xf numFmtId="164" fontId="20" fillId="4" borderId="1" xfId="12" applyNumberFormat="1" applyFont="1" applyFill="1" applyBorder="1" applyAlignment="1">
      <alignment horizontal="left" vertical="center"/>
    </xf>
    <xf numFmtId="165" fontId="20" fillId="4" borderId="1" xfId="12" applyNumberFormat="1" applyFont="1" applyFill="1" applyBorder="1" applyAlignment="1">
      <alignment horizontal="left" vertical="center"/>
    </xf>
    <xf numFmtId="168" fontId="21" fillId="6" borderId="1" xfId="15" applyNumberFormat="1" applyFont="1" applyFill="1" applyBorder="1" applyAlignment="1">
      <alignment horizontal="left" vertical="top" wrapText="1"/>
    </xf>
    <xf numFmtId="165" fontId="20" fillId="0" borderId="1" xfId="27" applyNumberFormat="1" applyFont="1" applyFill="1" applyBorder="1" applyAlignment="1">
      <alignment horizontal="left" vertical="center"/>
    </xf>
    <xf numFmtId="168" fontId="22" fillId="0" borderId="1" xfId="0" applyNumberFormat="1" applyFont="1" applyFill="1" applyBorder="1" applyAlignment="1">
      <alignment horizontal="left" vertical="center"/>
    </xf>
    <xf numFmtId="165" fontId="20" fillId="4" borderId="1" xfId="27" applyNumberFormat="1" applyFont="1" applyFill="1" applyBorder="1" applyAlignment="1">
      <alignment horizontal="left" vertical="center"/>
    </xf>
    <xf numFmtId="168" fontId="22" fillId="4" borderId="1" xfId="0" applyNumberFormat="1" applyFont="1" applyFill="1" applyBorder="1" applyAlignment="1">
      <alignment horizontal="left" vertical="center"/>
    </xf>
    <xf numFmtId="165" fontId="20" fillId="0" borderId="1" xfId="5" applyNumberFormat="1" applyFont="1" applyFill="1" applyBorder="1" applyAlignment="1">
      <alignment horizontal="left" vertical="center"/>
    </xf>
    <xf numFmtId="164" fontId="20" fillId="0" borderId="1" xfId="5" applyNumberFormat="1" applyFont="1" applyFill="1" applyBorder="1" applyAlignment="1">
      <alignment horizontal="left" vertical="center"/>
    </xf>
    <xf numFmtId="165" fontId="20" fillId="4" borderId="1" xfId="5" applyNumberFormat="1" applyFont="1" applyFill="1" applyBorder="1" applyAlignment="1">
      <alignment horizontal="left" vertical="center"/>
    </xf>
    <xf numFmtId="164" fontId="20" fillId="4" borderId="1" xfId="5" applyNumberFormat="1" applyFont="1" applyFill="1" applyBorder="1" applyAlignment="1">
      <alignment horizontal="left" vertical="center"/>
    </xf>
    <xf numFmtId="165" fontId="20" fillId="0" borderId="1" xfId="9" applyNumberFormat="1" applyFont="1" applyFill="1" applyBorder="1" applyAlignment="1">
      <alignment horizontal="left" vertical="center"/>
    </xf>
    <xf numFmtId="168" fontId="20" fillId="0" borderId="1" xfId="9" applyNumberFormat="1" applyFont="1" applyFill="1" applyBorder="1" applyAlignment="1">
      <alignment horizontal="left" vertical="center"/>
    </xf>
    <xf numFmtId="167" fontId="20" fillId="0" borderId="1" xfId="9" applyNumberFormat="1" applyFont="1" applyFill="1" applyBorder="1" applyAlignment="1">
      <alignment horizontal="left" vertical="center"/>
    </xf>
    <xf numFmtId="164" fontId="20" fillId="0" borderId="1" xfId="9" applyNumberFormat="1" applyFont="1" applyFill="1" applyBorder="1" applyAlignment="1">
      <alignment horizontal="left" vertical="center"/>
    </xf>
    <xf numFmtId="165" fontId="20" fillId="4" borderId="1" xfId="9" applyNumberFormat="1" applyFont="1" applyFill="1" applyBorder="1" applyAlignment="1">
      <alignment horizontal="left" vertical="center"/>
    </xf>
    <xf numFmtId="168" fontId="20" fillId="4" borderId="1" xfId="9" applyNumberFormat="1" applyFont="1" applyFill="1" applyBorder="1" applyAlignment="1">
      <alignment horizontal="left" vertical="center"/>
    </xf>
    <xf numFmtId="167" fontId="20" fillId="4" borderId="1" xfId="9" applyNumberFormat="1" applyFont="1" applyFill="1" applyBorder="1" applyAlignment="1">
      <alignment horizontal="left" vertical="center"/>
    </xf>
    <xf numFmtId="164" fontId="20" fillId="4" borderId="1" xfId="9" applyNumberFormat="1" applyFont="1" applyFill="1" applyBorder="1" applyAlignment="1">
      <alignment horizontal="left" vertical="center"/>
    </xf>
    <xf numFmtId="165" fontId="20" fillId="0" borderId="1" xfId="13" applyNumberFormat="1" applyFont="1" applyFill="1" applyBorder="1" applyAlignment="1">
      <alignment horizontal="left" vertical="center"/>
    </xf>
    <xf numFmtId="165" fontId="20" fillId="4" borderId="1" xfId="13" applyNumberFormat="1" applyFont="1" applyFill="1" applyBorder="1" applyAlignment="1">
      <alignment horizontal="left" vertical="center"/>
    </xf>
    <xf numFmtId="168" fontId="20" fillId="4" borderId="1" xfId="13" applyNumberFormat="1" applyFont="1" applyFill="1" applyBorder="1" applyAlignment="1">
      <alignment horizontal="left" vertical="center"/>
    </xf>
    <xf numFmtId="168" fontId="22" fillId="4" borderId="1" xfId="13" applyNumberFormat="1" applyFont="1" applyFill="1" applyBorder="1" applyAlignment="1">
      <alignment horizontal="left" vertical="center"/>
    </xf>
    <xf numFmtId="164" fontId="20" fillId="4" borderId="1" xfId="13" applyNumberFormat="1" applyFont="1" applyFill="1" applyBorder="1" applyAlignment="1">
      <alignment horizontal="left" vertical="center"/>
    </xf>
    <xf numFmtId="165" fontId="20" fillId="0" borderId="1" xfId="23" applyNumberFormat="1" applyFont="1" applyFill="1" applyBorder="1" applyAlignment="1">
      <alignment horizontal="left" vertical="center"/>
    </xf>
    <xf numFmtId="165" fontId="20" fillId="4" borderId="1" xfId="23" applyNumberFormat="1" applyFont="1" applyFill="1" applyBorder="1" applyAlignment="1">
      <alignment horizontal="left" vertical="center"/>
    </xf>
    <xf numFmtId="164" fontId="20" fillId="0" borderId="1" xfId="23" applyNumberFormat="1" applyFont="1" applyFill="1" applyBorder="1" applyAlignment="1">
      <alignment horizontal="left" vertical="center"/>
    </xf>
    <xf numFmtId="164" fontId="20" fillId="4" borderId="1" xfId="23" applyNumberFormat="1" applyFont="1" applyFill="1" applyBorder="1" applyAlignment="1">
      <alignment horizontal="left" vertical="center"/>
    </xf>
    <xf numFmtId="165" fontId="20" fillId="0" borderId="1" xfId="4" applyNumberFormat="1" applyFont="1" applyFill="1" applyBorder="1" applyAlignment="1">
      <alignment horizontal="left" vertical="center"/>
    </xf>
    <xf numFmtId="165" fontId="20" fillId="4" borderId="1" xfId="4" applyNumberFormat="1" applyFont="1" applyFill="1" applyBorder="1" applyAlignment="1">
      <alignment horizontal="left" vertical="center"/>
    </xf>
    <xf numFmtId="164" fontId="20" fillId="4" borderId="1" xfId="34" applyNumberFormat="1" applyFont="1" applyFill="1" applyBorder="1" applyAlignment="1">
      <alignment horizontal="left" vertical="center"/>
    </xf>
    <xf numFmtId="164" fontId="20" fillId="0" borderId="1" xfId="24" applyNumberFormat="1" applyFont="1" applyFill="1" applyBorder="1" applyAlignment="1">
      <alignment horizontal="left" vertical="center"/>
    </xf>
    <xf numFmtId="165" fontId="20" fillId="0" borderId="1" xfId="33" applyNumberFormat="1" applyFont="1" applyFill="1" applyBorder="1" applyAlignment="1">
      <alignment horizontal="left" vertical="center"/>
    </xf>
    <xf numFmtId="168" fontId="20" fillId="0" borderId="1" xfId="33" applyNumberFormat="1" applyFont="1" applyFill="1" applyBorder="1" applyAlignment="1">
      <alignment horizontal="left" vertical="center"/>
    </xf>
    <xf numFmtId="165" fontId="20" fillId="4" borderId="1" xfId="33" applyNumberFormat="1" applyFont="1" applyFill="1" applyBorder="1" applyAlignment="1">
      <alignment horizontal="left" vertical="center"/>
    </xf>
    <xf numFmtId="168" fontId="20" fillId="4" borderId="1" xfId="33" applyNumberFormat="1" applyFont="1" applyFill="1" applyBorder="1" applyAlignment="1">
      <alignment horizontal="left" vertical="center"/>
    </xf>
    <xf numFmtId="164" fontId="20" fillId="0" borderId="1" xfId="33" applyNumberFormat="1" applyFont="1" applyFill="1" applyBorder="1" applyAlignment="1">
      <alignment horizontal="left" vertical="center"/>
    </xf>
    <xf numFmtId="164" fontId="20" fillId="4" borderId="1" xfId="33" applyNumberFormat="1" applyFont="1" applyFill="1" applyBorder="1" applyAlignment="1">
      <alignment horizontal="left" vertical="center"/>
    </xf>
    <xf numFmtId="165" fontId="20" fillId="0" borderId="1" xfId="7" applyNumberFormat="1" applyFont="1" applyFill="1" applyBorder="1" applyAlignment="1">
      <alignment horizontal="left" vertical="center"/>
    </xf>
    <xf numFmtId="165" fontId="20" fillId="4" borderId="1" xfId="7" applyNumberFormat="1" applyFont="1" applyFill="1" applyBorder="1" applyAlignment="1">
      <alignment horizontal="left" vertical="center"/>
    </xf>
    <xf numFmtId="164" fontId="20" fillId="0" borderId="1" xfId="28" applyNumberFormat="1" applyFont="1" applyFill="1" applyBorder="1" applyAlignment="1">
      <alignment horizontal="left" vertical="center"/>
    </xf>
    <xf numFmtId="164" fontId="20" fillId="0" borderId="1" xfId="7" applyNumberFormat="1" applyFont="1" applyFill="1" applyBorder="1" applyAlignment="1">
      <alignment horizontal="left" vertical="center"/>
    </xf>
    <xf numFmtId="164" fontId="20" fillId="4" borderId="1" xfId="28" applyNumberFormat="1" applyFont="1" applyFill="1" applyBorder="1" applyAlignment="1">
      <alignment horizontal="left" vertical="center"/>
    </xf>
    <xf numFmtId="164" fontId="20" fillId="4" borderId="1" xfId="7" applyNumberFormat="1" applyFont="1" applyFill="1" applyBorder="1" applyAlignment="1">
      <alignment horizontal="left" vertical="center"/>
    </xf>
    <xf numFmtId="165" fontId="20" fillId="0" borderId="1" xfId="8" applyNumberFormat="1" applyFont="1" applyFill="1" applyBorder="1" applyAlignment="1">
      <alignment horizontal="left" vertical="center"/>
    </xf>
    <xf numFmtId="165" fontId="20" fillId="4" borderId="1" xfId="8" applyNumberFormat="1" applyFont="1" applyFill="1" applyBorder="1" applyAlignment="1">
      <alignment horizontal="left" vertical="center"/>
    </xf>
    <xf numFmtId="168" fontId="20" fillId="4" borderId="1" xfId="8" applyNumberFormat="1" applyFont="1" applyFill="1" applyBorder="1" applyAlignment="1">
      <alignment horizontal="left" vertical="center"/>
    </xf>
    <xf numFmtId="164" fontId="20" fillId="0" borderId="1" xfId="8" applyNumberFormat="1" applyFont="1" applyFill="1" applyBorder="1" applyAlignment="1">
      <alignment horizontal="left" vertical="center"/>
    </xf>
    <xf numFmtId="164" fontId="20" fillId="4" borderId="1" xfId="8" applyNumberFormat="1" applyFont="1" applyFill="1" applyBorder="1" applyAlignment="1">
      <alignment horizontal="left" vertical="center"/>
    </xf>
    <xf numFmtId="165" fontId="20" fillId="0" borderId="1" xfId="10" applyNumberFormat="1" applyFont="1" applyFill="1" applyBorder="1" applyAlignment="1">
      <alignment horizontal="left" vertical="center"/>
    </xf>
    <xf numFmtId="168" fontId="20" fillId="0" borderId="1" xfId="10" applyNumberFormat="1" applyFont="1" applyFill="1" applyBorder="1" applyAlignment="1">
      <alignment horizontal="left" vertical="center"/>
    </xf>
    <xf numFmtId="165" fontId="20" fillId="4" borderId="1" xfId="10" applyNumberFormat="1" applyFont="1" applyFill="1" applyBorder="1" applyAlignment="1">
      <alignment horizontal="left" vertical="center"/>
    </xf>
    <xf numFmtId="168" fontId="20" fillId="4" borderId="1" xfId="10" applyNumberFormat="1" applyFont="1" applyFill="1" applyBorder="1" applyAlignment="1">
      <alignment horizontal="left" vertical="center"/>
    </xf>
    <xf numFmtId="168" fontId="22" fillId="4" borderId="1" xfId="10" applyNumberFormat="1" applyFont="1" applyFill="1" applyBorder="1" applyAlignment="1">
      <alignment horizontal="left" vertical="center"/>
    </xf>
    <xf numFmtId="164" fontId="20" fillId="0" borderId="1" xfId="10" applyNumberFormat="1" applyFont="1" applyFill="1" applyBorder="1" applyAlignment="1">
      <alignment horizontal="left" vertical="center"/>
    </xf>
    <xf numFmtId="164" fontId="20" fillId="4" borderId="1" xfId="10" applyNumberFormat="1" applyFont="1" applyFill="1" applyBorder="1" applyAlignment="1">
      <alignment horizontal="left" vertical="center"/>
    </xf>
    <xf numFmtId="165" fontId="20" fillId="0" borderId="1" xfId="36" applyNumberFormat="1" applyFont="1" applyFill="1" applyBorder="1" applyAlignment="1">
      <alignment horizontal="left" vertical="center"/>
    </xf>
    <xf numFmtId="164" fontId="20" fillId="0" borderId="1" xfId="36" applyNumberFormat="1" applyFont="1" applyFill="1" applyBorder="1" applyAlignment="1">
      <alignment horizontal="left" vertical="center"/>
    </xf>
    <xf numFmtId="165" fontId="20" fillId="4" borderId="1" xfId="36" applyNumberFormat="1" applyFont="1" applyFill="1" applyBorder="1" applyAlignment="1">
      <alignment horizontal="left" vertical="center"/>
    </xf>
    <xf numFmtId="164" fontId="20" fillId="4" borderId="1" xfId="36" applyNumberFormat="1" applyFont="1" applyFill="1" applyBorder="1" applyAlignment="1">
      <alignment horizontal="left" vertical="center"/>
    </xf>
    <xf numFmtId="165" fontId="20" fillId="0" borderId="1" xfId="3" applyNumberFormat="1" applyFont="1" applyFill="1" applyBorder="1" applyAlignment="1">
      <alignment horizontal="left" vertical="center"/>
    </xf>
    <xf numFmtId="165" fontId="20" fillId="4" borderId="1" xfId="3" applyNumberFormat="1" applyFont="1" applyFill="1" applyBorder="1" applyAlignment="1">
      <alignment horizontal="left" vertical="center"/>
    </xf>
    <xf numFmtId="165" fontId="20" fillId="0" borderId="1" xfId="31" applyNumberFormat="1" applyFont="1" applyFill="1" applyBorder="1" applyAlignment="1">
      <alignment horizontal="left" vertical="center"/>
    </xf>
    <xf numFmtId="165" fontId="20" fillId="4" borderId="1" xfId="31" applyNumberFormat="1" applyFont="1" applyFill="1" applyBorder="1" applyAlignment="1">
      <alignment horizontal="left" vertical="center"/>
    </xf>
    <xf numFmtId="164" fontId="20" fillId="0" borderId="1" xfId="31" applyNumberFormat="1" applyFont="1" applyFill="1" applyBorder="1" applyAlignment="1">
      <alignment horizontal="left" vertical="center"/>
    </xf>
    <xf numFmtId="164" fontId="20" fillId="4" borderId="1" xfId="31" applyNumberFormat="1" applyFont="1" applyFill="1" applyBorder="1" applyAlignment="1">
      <alignment horizontal="left" vertical="center"/>
    </xf>
    <xf numFmtId="165" fontId="20" fillId="0" borderId="1" xfId="19" applyNumberFormat="1" applyFont="1" applyFill="1" applyBorder="1" applyAlignment="1">
      <alignment horizontal="left" vertical="center"/>
    </xf>
    <xf numFmtId="165" fontId="20" fillId="4" borderId="1" xfId="19" applyNumberFormat="1" applyFont="1" applyFill="1" applyBorder="1" applyAlignment="1">
      <alignment horizontal="left" vertical="center"/>
    </xf>
    <xf numFmtId="165" fontId="20" fillId="0" borderId="1" xfId="21" applyNumberFormat="1" applyFont="1" applyFill="1" applyBorder="1" applyAlignment="1">
      <alignment horizontal="left" vertical="center"/>
    </xf>
    <xf numFmtId="165" fontId="20" fillId="4" borderId="1" xfId="21" applyNumberFormat="1" applyFont="1" applyFill="1" applyBorder="1" applyAlignment="1">
      <alignment horizontal="left" vertical="center"/>
    </xf>
    <xf numFmtId="164" fontId="20" fillId="0" borderId="1" xfId="21" applyNumberFormat="1" applyFont="1" applyFill="1" applyBorder="1" applyAlignment="1">
      <alignment horizontal="left" vertical="center"/>
    </xf>
    <xf numFmtId="164" fontId="20" fillId="4" borderId="1" xfId="21" applyNumberFormat="1" applyFont="1" applyFill="1" applyBorder="1" applyAlignment="1">
      <alignment horizontal="left" vertical="center"/>
    </xf>
    <xf numFmtId="165" fontId="20" fillId="0" borderId="1" xfId="18" applyNumberFormat="1" applyFont="1" applyFill="1" applyBorder="1" applyAlignment="1">
      <alignment horizontal="left" vertical="center"/>
    </xf>
    <xf numFmtId="168" fontId="20" fillId="0" borderId="1" xfId="18" applyNumberFormat="1" applyFont="1" applyFill="1" applyBorder="1" applyAlignment="1">
      <alignment horizontal="left" vertical="center"/>
    </xf>
    <xf numFmtId="168" fontId="22" fillId="0" borderId="1" xfId="18" applyNumberFormat="1" applyFont="1" applyFill="1" applyBorder="1" applyAlignment="1">
      <alignment horizontal="left" vertical="center"/>
    </xf>
    <xf numFmtId="165" fontId="20" fillId="4" borderId="1" xfId="18" applyNumberFormat="1" applyFont="1" applyFill="1" applyBorder="1" applyAlignment="1">
      <alignment horizontal="left" vertical="center"/>
    </xf>
    <xf numFmtId="168" fontId="20" fillId="4" borderId="1" xfId="18" applyNumberFormat="1" applyFont="1" applyFill="1" applyBorder="1" applyAlignment="1">
      <alignment horizontal="left" vertical="center"/>
    </xf>
    <xf numFmtId="168" fontId="22" fillId="4" borderId="1" xfId="18" applyNumberFormat="1" applyFont="1" applyFill="1" applyBorder="1" applyAlignment="1">
      <alignment horizontal="left" vertical="center"/>
    </xf>
    <xf numFmtId="164" fontId="20" fillId="0" borderId="1" xfId="18" applyNumberFormat="1" applyFont="1" applyFill="1" applyBorder="1" applyAlignment="1">
      <alignment horizontal="left" vertical="center"/>
    </xf>
    <xf numFmtId="164" fontId="20" fillId="4" borderId="1" xfId="18" applyNumberFormat="1" applyFont="1" applyFill="1" applyBorder="1" applyAlignment="1">
      <alignment horizontal="left" vertical="center"/>
    </xf>
    <xf numFmtId="165" fontId="20" fillId="0" borderId="1" xfId="20" applyNumberFormat="1" applyFont="1" applyFill="1" applyBorder="1" applyAlignment="1">
      <alignment horizontal="left" vertical="center"/>
    </xf>
    <xf numFmtId="165" fontId="20" fillId="4" borderId="1" xfId="20" applyNumberFormat="1" applyFont="1" applyFill="1" applyBorder="1" applyAlignment="1">
      <alignment horizontal="left" vertical="center"/>
    </xf>
    <xf numFmtId="168" fontId="20" fillId="4" borderId="1" xfId="20" applyNumberFormat="1" applyFont="1" applyFill="1" applyBorder="1" applyAlignment="1">
      <alignment horizontal="left" vertical="center"/>
    </xf>
    <xf numFmtId="168" fontId="22" fillId="4" borderId="1" xfId="20" applyNumberFormat="1" applyFont="1" applyFill="1" applyBorder="1" applyAlignment="1">
      <alignment horizontal="left" vertical="center"/>
    </xf>
    <xf numFmtId="164" fontId="20" fillId="0" borderId="1" xfId="20" applyNumberFormat="1" applyFont="1" applyFill="1" applyBorder="1" applyAlignment="1">
      <alignment horizontal="left" vertical="center"/>
    </xf>
    <xf numFmtId="164" fontId="20" fillId="4" borderId="1" xfId="20" applyNumberFormat="1" applyFont="1" applyFill="1" applyBorder="1" applyAlignment="1">
      <alignment horizontal="left" vertical="center"/>
    </xf>
    <xf numFmtId="166" fontId="20" fillId="0" borderId="1" xfId="20" applyNumberFormat="1" applyFont="1" applyFill="1" applyBorder="1" applyAlignment="1">
      <alignment horizontal="left" vertical="center"/>
    </xf>
    <xf numFmtId="165" fontId="20" fillId="0" borderId="1" xfId="17" applyNumberFormat="1" applyFont="1" applyFill="1" applyBorder="1" applyAlignment="1">
      <alignment horizontal="left" vertical="center"/>
    </xf>
    <xf numFmtId="165" fontId="20" fillId="4" borderId="1" xfId="17" applyNumberFormat="1" applyFont="1" applyFill="1" applyBorder="1" applyAlignment="1">
      <alignment horizontal="left" vertical="center"/>
    </xf>
    <xf numFmtId="168" fontId="20" fillId="4" borderId="1" xfId="17" applyNumberFormat="1" applyFont="1" applyFill="1" applyBorder="1" applyAlignment="1">
      <alignment horizontal="left" vertical="center"/>
    </xf>
    <xf numFmtId="168" fontId="22" fillId="4" borderId="1" xfId="17" applyNumberFormat="1" applyFont="1" applyFill="1" applyBorder="1" applyAlignment="1">
      <alignment horizontal="left" vertical="center"/>
    </xf>
    <xf numFmtId="164" fontId="20" fillId="0" borderId="1" xfId="17" applyNumberFormat="1" applyFont="1" applyFill="1" applyBorder="1" applyAlignment="1">
      <alignment horizontal="left" vertical="center"/>
    </xf>
    <xf numFmtId="164" fontId="20" fillId="4" borderId="1" xfId="17" applyNumberFormat="1" applyFont="1" applyFill="1" applyBorder="1" applyAlignment="1">
      <alignment horizontal="left" vertical="center"/>
    </xf>
    <xf numFmtId="0" fontId="5" fillId="3" borderId="0" xfId="0" applyFont="1" applyFill="1" applyAlignment="1">
      <alignment wrapText="1"/>
    </xf>
    <xf numFmtId="0" fontId="0" fillId="2" borderId="0" xfId="0" applyFill="1"/>
    <xf numFmtId="0" fontId="0" fillId="3" borderId="0" xfId="0" quotePrefix="1" applyFill="1"/>
    <xf numFmtId="0" fontId="0" fillId="3" borderId="0" xfId="0" applyFill="1"/>
    <xf numFmtId="0" fontId="8" fillId="3" borderId="0" xfId="0" applyFont="1" applyFill="1" applyAlignment="1">
      <alignment horizontal="left"/>
    </xf>
    <xf numFmtId="0" fontId="5" fillId="3" borderId="0" xfId="0" applyFont="1" applyFill="1" applyAlignment="1">
      <alignment vertical="center" wrapText="1"/>
    </xf>
    <xf numFmtId="0" fontId="5" fillId="3" borderId="0" xfId="0" applyFont="1" applyFill="1" applyAlignment="1">
      <alignment horizontal="left" wrapText="1"/>
    </xf>
    <xf numFmtId="0" fontId="5" fillId="3" borderId="0" xfId="0" applyFont="1" applyFill="1" applyBorder="1" applyAlignment="1">
      <alignment wrapText="1"/>
    </xf>
    <xf numFmtId="0" fontId="29" fillId="2" borderId="0" xfId="0" applyFont="1" applyFill="1"/>
    <xf numFmtId="0" fontId="14" fillId="0" borderId="0" xfId="0" applyFont="1" applyFill="1" applyBorder="1" applyAlignment="1">
      <alignment vertical="top"/>
    </xf>
    <xf numFmtId="0" fontId="0" fillId="0" borderId="0" xfId="0" applyFont="1" applyFill="1"/>
    <xf numFmtId="0" fontId="28" fillId="0" borderId="0" xfId="0" applyFont="1"/>
    <xf numFmtId="0" fontId="15" fillId="0" borderId="0" xfId="5" quotePrefix="1" applyFont="1" applyFill="1" applyBorder="1" applyAlignment="1">
      <alignment vertical="top" wrapText="1"/>
    </xf>
    <xf numFmtId="0" fontId="32" fillId="3" borderId="0" xfId="1" applyFont="1" applyFill="1" applyAlignment="1">
      <alignment horizontal="left"/>
    </xf>
    <xf numFmtId="0" fontId="32" fillId="3" borderId="0" xfId="1" applyFont="1" applyFill="1"/>
    <xf numFmtId="0" fontId="32" fillId="3" borderId="0" xfId="1" quotePrefix="1" applyFont="1" applyFill="1"/>
    <xf numFmtId="1" fontId="32" fillId="3" borderId="0" xfId="1" applyNumberFormat="1" applyFont="1" applyFill="1" applyAlignment="1">
      <alignment horizontal="left"/>
    </xf>
    <xf numFmtId="0" fontId="33" fillId="3" borderId="0" xfId="0" applyFont="1" applyFill="1" applyAlignment="1">
      <alignment horizontal="left" wrapText="1"/>
    </xf>
    <xf numFmtId="0" fontId="26" fillId="3" borderId="0" xfId="0" applyFont="1" applyFill="1" applyAlignment="1">
      <alignment horizontal="left" wrapText="1"/>
    </xf>
    <xf numFmtId="0" fontId="27" fillId="3" borderId="0" xfId="0" applyFont="1" applyFill="1" applyAlignment="1">
      <alignment horizontal="left" wrapText="1"/>
    </xf>
    <xf numFmtId="0" fontId="26" fillId="3" borderId="0" xfId="0" applyFont="1" applyFill="1" applyAlignment="1">
      <alignment wrapText="1"/>
    </xf>
    <xf numFmtId="0" fontId="27" fillId="3" borderId="0" xfId="0" applyFont="1" applyFill="1" applyAlignment="1">
      <alignment wrapText="1"/>
    </xf>
    <xf numFmtId="0" fontId="15" fillId="0" borderId="0" xfId="3" quotePrefix="1" applyFont="1" applyFill="1" applyBorder="1" applyAlignment="1">
      <alignment horizontal="left" vertical="top" wrapText="1"/>
    </xf>
    <xf numFmtId="0" fontId="16" fillId="5" borderId="1" xfId="28" quotePrefix="1" applyFont="1" applyFill="1" applyBorder="1" applyAlignment="1">
      <alignment horizontal="left" vertical="top" wrapText="1"/>
    </xf>
    <xf numFmtId="0" fontId="24" fillId="0" borderId="0" xfId="17" applyFont="1" applyFill="1" applyBorder="1" applyAlignment="1">
      <alignment horizontal="left" vertical="center" wrapText="1"/>
    </xf>
    <xf numFmtId="165" fontId="20" fillId="0" borderId="0" xfId="13" applyNumberFormat="1" applyFont="1" applyFill="1" applyBorder="1" applyAlignment="1">
      <alignment horizontal="left" vertical="center"/>
    </xf>
    <xf numFmtId="168" fontId="20" fillId="0" borderId="0" xfId="13" applyNumberFormat="1" applyFont="1" applyFill="1" applyBorder="1" applyAlignment="1">
      <alignment horizontal="left" vertical="center"/>
    </xf>
    <xf numFmtId="168" fontId="22" fillId="0" borderId="0" xfId="13" applyNumberFormat="1" applyFont="1" applyFill="1" applyBorder="1" applyAlignment="1">
      <alignment horizontal="left" vertical="center"/>
    </xf>
    <xf numFmtId="165" fontId="20" fillId="0" borderId="0" xfId="0" applyNumberFormat="1" applyFont="1" applyFill="1" applyBorder="1" applyAlignment="1">
      <alignment horizontal="left" vertical="center"/>
    </xf>
    <xf numFmtId="164" fontId="20" fillId="0" borderId="0" xfId="13" applyNumberFormat="1" applyFont="1" applyFill="1" applyBorder="1" applyAlignment="1">
      <alignment horizontal="left" vertical="center"/>
    </xf>
    <xf numFmtId="167" fontId="22" fillId="0" borderId="0" xfId="0" applyNumberFormat="1" applyFont="1" applyFill="1" applyBorder="1" applyAlignment="1">
      <alignment horizontal="left" vertical="center" wrapText="1"/>
    </xf>
    <xf numFmtId="0" fontId="0" fillId="0" borderId="0" xfId="0" applyFill="1"/>
    <xf numFmtId="165" fontId="20" fillId="0" borderId="0" xfId="23" applyNumberFormat="1" applyFont="1" applyFill="1" applyBorder="1" applyAlignment="1">
      <alignment horizontal="left" vertical="center"/>
    </xf>
    <xf numFmtId="166" fontId="20" fillId="0" borderId="0" xfId="23" applyNumberFormat="1" applyFont="1" applyFill="1" applyBorder="1" applyAlignment="1">
      <alignment horizontal="left" vertical="center"/>
    </xf>
    <xf numFmtId="164" fontId="20" fillId="0" borderId="0" xfId="23" applyNumberFormat="1" applyFont="1" applyFill="1" applyBorder="1" applyAlignment="1">
      <alignment horizontal="left" vertical="center"/>
    </xf>
    <xf numFmtId="0" fontId="15" fillId="0" borderId="0" xfId="4" quotePrefix="1" applyFont="1" applyFill="1" applyBorder="1" applyAlignment="1">
      <alignment vertical="top" wrapText="1"/>
    </xf>
    <xf numFmtId="0" fontId="14" fillId="0" borderId="0" xfId="0" applyFont="1" applyFill="1" applyBorder="1" applyAlignment="1">
      <alignment horizontal="left" vertical="top"/>
    </xf>
    <xf numFmtId="165" fontId="20" fillId="0" borderId="0" xfId="10" applyNumberFormat="1" applyFont="1" applyFill="1" applyBorder="1" applyAlignment="1">
      <alignment horizontal="left" vertical="center"/>
    </xf>
    <xf numFmtId="164" fontId="20" fillId="0" borderId="0" xfId="10" applyNumberFormat="1" applyFont="1" applyFill="1" applyBorder="1" applyAlignment="1">
      <alignment horizontal="left" vertical="center"/>
    </xf>
    <xf numFmtId="0" fontId="0" fillId="0" borderId="0" xfId="0" applyFill="1" applyBorder="1"/>
    <xf numFmtId="0" fontId="15" fillId="0" borderId="0" xfId="3" quotePrefix="1" applyFont="1" applyFill="1" applyBorder="1" applyAlignment="1">
      <alignment vertical="top" wrapText="1"/>
    </xf>
    <xf numFmtId="0" fontId="15" fillId="0" borderId="0" xfId="3" applyFont="1" applyFill="1" applyBorder="1" applyAlignment="1">
      <alignment vertical="top" wrapText="1"/>
    </xf>
    <xf numFmtId="167" fontId="19" fillId="7" borderId="3" xfId="28" applyNumberFormat="1" applyFont="1" applyFill="1" applyBorder="1" applyAlignment="1">
      <alignment horizontal="left" vertical="top" wrapText="1"/>
    </xf>
    <xf numFmtId="165" fontId="20" fillId="0" borderId="0" xfId="18" applyNumberFormat="1" applyFont="1" applyFill="1" applyBorder="1" applyAlignment="1">
      <alignment horizontal="left" vertical="center"/>
    </xf>
    <xf numFmtId="168" fontId="20" fillId="0" borderId="0" xfId="18" applyNumberFormat="1" applyFont="1" applyFill="1" applyBorder="1" applyAlignment="1">
      <alignment horizontal="left" vertical="center"/>
    </xf>
    <xf numFmtId="168" fontId="22" fillId="0" borderId="0" xfId="18" applyNumberFormat="1" applyFont="1" applyFill="1" applyBorder="1" applyAlignment="1">
      <alignment horizontal="left" vertical="center"/>
    </xf>
    <xf numFmtId="0" fontId="3" fillId="3" borderId="0" xfId="1" applyFill="1" applyAlignment="1">
      <alignment horizontal="left"/>
    </xf>
    <xf numFmtId="0" fontId="15" fillId="0" borderId="0" xfId="28" applyFont="1" applyFill="1" applyBorder="1" applyAlignment="1">
      <alignment vertical="top" wrapText="1"/>
    </xf>
    <xf numFmtId="167" fontId="15" fillId="0" borderId="0" xfId="28" applyNumberFormat="1" applyFont="1" applyFill="1" applyBorder="1" applyAlignment="1">
      <alignment vertical="top" wrapText="1"/>
    </xf>
    <xf numFmtId="167" fontId="14" fillId="0" borderId="0" xfId="0" applyNumberFormat="1" applyFont="1" applyFill="1" applyBorder="1" applyAlignment="1">
      <alignment vertical="top"/>
    </xf>
    <xf numFmtId="0" fontId="15" fillId="0" borderId="0" xfId="5" quotePrefix="1" applyFont="1" applyFill="1" applyBorder="1" applyAlignment="1">
      <alignment vertical="top" wrapText="1"/>
    </xf>
    <xf numFmtId="0" fontId="19" fillId="6" borderId="1" xfId="28" applyFont="1" applyFill="1" applyBorder="1" applyAlignment="1">
      <alignment horizontal="left" vertical="top" wrapText="1"/>
    </xf>
    <xf numFmtId="0" fontId="22" fillId="6" borderId="1" xfId="15" applyFont="1" applyFill="1" applyBorder="1" applyAlignment="1">
      <alignment horizontal="left" vertical="top" wrapText="1"/>
    </xf>
    <xf numFmtId="0" fontId="19" fillId="7" borderId="1" xfId="28" applyFont="1" applyFill="1" applyBorder="1" applyAlignment="1">
      <alignment horizontal="left" vertical="top" wrapText="1"/>
    </xf>
    <xf numFmtId="0" fontId="22" fillId="7" borderId="1" xfId="15" applyFont="1" applyFill="1" applyBorder="1" applyAlignment="1">
      <alignment horizontal="left" vertical="top" wrapText="1"/>
    </xf>
    <xf numFmtId="168" fontId="21" fillId="7" borderId="1" xfId="15" applyNumberFormat="1" applyFont="1" applyFill="1" applyBorder="1" applyAlignment="1">
      <alignment horizontal="left" vertical="top" wrapText="1"/>
    </xf>
    <xf numFmtId="167" fontId="22" fillId="7" borderId="3" xfId="15" applyNumberFormat="1" applyFont="1" applyFill="1" applyBorder="1" applyAlignment="1">
      <alignment horizontal="left" vertical="top" wrapText="1"/>
    </xf>
    <xf numFmtId="167" fontId="22" fillId="0" borderId="3" xfId="0" applyNumberFormat="1" applyFont="1" applyFill="1" applyBorder="1" applyAlignment="1">
      <alignment horizontal="left" vertical="center" wrapText="1"/>
    </xf>
    <xf numFmtId="167" fontId="22" fillId="4" borderId="3" xfId="0" applyNumberFormat="1" applyFont="1" applyFill="1" applyBorder="1" applyAlignment="1">
      <alignment horizontal="left" vertical="center" wrapText="1"/>
    </xf>
    <xf numFmtId="167" fontId="18" fillId="7" borderId="1" xfId="28" applyNumberFormat="1" applyFont="1" applyFill="1" applyBorder="1" applyAlignment="1">
      <alignment horizontal="left" vertical="top" wrapText="1"/>
    </xf>
    <xf numFmtId="167" fontId="21" fillId="7" borderId="1" xfId="15" applyNumberFormat="1" applyFont="1" applyFill="1" applyBorder="1" applyAlignment="1">
      <alignment horizontal="left" vertical="top" wrapText="1"/>
    </xf>
    <xf numFmtId="0" fontId="15" fillId="0" borderId="0" xfId="3" quotePrefix="1" applyFont="1" applyFill="1" applyBorder="1" applyAlignment="1">
      <alignment vertical="top" wrapText="1"/>
    </xf>
    <xf numFmtId="0" fontId="0" fillId="3" borderId="0" xfId="0" quotePrefix="1" applyFill="1"/>
    <xf numFmtId="0" fontId="0" fillId="3" borderId="0" xfId="0" applyFill="1"/>
    <xf numFmtId="0" fontId="0" fillId="0" borderId="0" xfId="0" applyAlignment="1">
      <alignment horizontal="center"/>
    </xf>
    <xf numFmtId="167" fontId="22" fillId="0" borderId="1" xfId="15" applyNumberFormat="1" applyFont="1" applyFill="1" applyBorder="1" applyAlignment="1">
      <alignment horizontal="left" vertical="center"/>
    </xf>
    <xf numFmtId="167" fontId="22" fillId="4" borderId="1" xfId="15" applyNumberFormat="1" applyFont="1" applyFill="1" applyBorder="1" applyAlignment="1">
      <alignment horizontal="left" vertical="center"/>
    </xf>
    <xf numFmtId="167" fontId="20" fillId="0" borderId="1" xfId="28" applyNumberFormat="1" applyFont="1" applyFill="1" applyBorder="1" applyAlignment="1">
      <alignment horizontal="left" vertical="center"/>
    </xf>
    <xf numFmtId="167" fontId="20" fillId="4" borderId="1" xfId="28" applyNumberFormat="1" applyFont="1" applyFill="1" applyBorder="1" applyAlignment="1">
      <alignment horizontal="left" vertical="center"/>
    </xf>
    <xf numFmtId="167" fontId="20" fillId="0" borderId="1" xfId="22" applyNumberFormat="1" applyFont="1" applyFill="1" applyBorder="1" applyAlignment="1">
      <alignment horizontal="left" vertical="center"/>
    </xf>
    <xf numFmtId="167" fontId="22" fillId="0" borderId="1" xfId="22" applyNumberFormat="1" applyFont="1" applyFill="1" applyBorder="1" applyAlignment="1">
      <alignment horizontal="left" vertical="center"/>
    </xf>
    <xf numFmtId="167" fontId="20" fillId="4" borderId="1" xfId="22" applyNumberFormat="1" applyFont="1" applyFill="1" applyBorder="1" applyAlignment="1">
      <alignment horizontal="left" vertical="center"/>
    </xf>
    <xf numFmtId="167" fontId="22" fillId="4" borderId="1" xfId="22" applyNumberFormat="1" applyFont="1" applyFill="1" applyBorder="1" applyAlignment="1">
      <alignment horizontal="left" vertical="center"/>
    </xf>
    <xf numFmtId="167" fontId="20" fillId="0" borderId="1" xfId="24" applyNumberFormat="1" applyFont="1" applyFill="1" applyBorder="1" applyAlignment="1">
      <alignment horizontal="left" vertical="center"/>
    </xf>
    <xf numFmtId="167" fontId="20" fillId="0" borderId="1" xfId="30" applyNumberFormat="1" applyFont="1" applyFill="1" applyBorder="1" applyAlignment="1">
      <alignment horizontal="left" vertical="center"/>
    </xf>
    <xf numFmtId="167" fontId="22" fillId="0" borderId="1" xfId="32" applyNumberFormat="1" applyFont="1" applyFill="1" applyBorder="1" applyAlignment="1">
      <alignment horizontal="left" vertical="center"/>
    </xf>
    <xf numFmtId="167" fontId="20" fillId="0" borderId="1" xfId="32" applyNumberFormat="1" applyFont="1" applyFill="1" applyBorder="1" applyAlignment="1">
      <alignment horizontal="left" vertical="center"/>
    </xf>
    <xf numFmtId="167" fontId="20" fillId="4" borderId="1" xfId="30" applyNumberFormat="1" applyFont="1" applyFill="1" applyBorder="1" applyAlignment="1">
      <alignment horizontal="left" vertical="center"/>
    </xf>
    <xf numFmtId="167" fontId="22" fillId="4" borderId="1" xfId="32" applyNumberFormat="1" applyFont="1" applyFill="1" applyBorder="1" applyAlignment="1">
      <alignment horizontal="left" vertical="center"/>
    </xf>
    <xf numFmtId="167" fontId="20" fillId="4" borderId="1" xfId="32" applyNumberFormat="1" applyFont="1" applyFill="1" applyBorder="1" applyAlignment="1">
      <alignment horizontal="left" vertical="center"/>
    </xf>
    <xf numFmtId="167" fontId="22" fillId="0" borderId="1" xfId="24" applyNumberFormat="1" applyFont="1" applyFill="1" applyBorder="1" applyAlignment="1">
      <alignment horizontal="left" vertical="center"/>
    </xf>
    <xf numFmtId="1" fontId="20" fillId="0" borderId="1" xfId="25" applyNumberFormat="1" applyFont="1" applyFill="1" applyBorder="1" applyAlignment="1">
      <alignment horizontal="left" vertical="center"/>
    </xf>
    <xf numFmtId="1" fontId="20" fillId="4" borderId="1" xfId="35" applyNumberFormat="1" applyFont="1" applyFill="1" applyBorder="1" applyAlignment="1">
      <alignment horizontal="left" vertical="center"/>
    </xf>
    <xf numFmtId="0" fontId="27" fillId="3" borderId="0" xfId="0" applyFont="1" applyFill="1" applyAlignment="1">
      <alignment vertical="center" wrapText="1"/>
    </xf>
    <xf numFmtId="0" fontId="26" fillId="3" borderId="0" xfId="0" applyFont="1" applyFill="1" applyBorder="1" applyAlignment="1">
      <alignment wrapText="1"/>
    </xf>
    <xf numFmtId="0" fontId="27" fillId="3" borderId="0" xfId="0" applyFont="1" applyFill="1" applyBorder="1" applyAlignment="1">
      <alignment vertical="top" wrapText="1"/>
    </xf>
    <xf numFmtId="0" fontId="26" fillId="3" borderId="0" xfId="0" applyFont="1" applyFill="1" applyBorder="1" applyAlignment="1">
      <alignment vertical="top" wrapText="1"/>
    </xf>
    <xf numFmtId="0" fontId="26" fillId="3" borderId="0" xfId="0" applyFont="1" applyFill="1" applyAlignment="1">
      <alignment vertical="center" wrapText="1"/>
    </xf>
    <xf numFmtId="0" fontId="5" fillId="2" borderId="0" xfId="0" applyFont="1" applyFill="1" applyAlignment="1">
      <alignment wrapText="1"/>
    </xf>
    <xf numFmtId="0" fontId="7" fillId="2" borderId="0" xfId="0" applyFont="1" applyFill="1" applyAlignment="1">
      <alignment horizontal="center"/>
    </xf>
    <xf numFmtId="0" fontId="8" fillId="2" borderId="0" xfId="0" applyFont="1" applyFill="1" applyAlignment="1">
      <alignment horizontal="center"/>
    </xf>
    <xf numFmtId="0" fontId="0" fillId="3" borderId="0" xfId="0" quotePrefix="1" applyFill="1"/>
    <xf numFmtId="0" fontId="0" fillId="3" borderId="0" xfId="0" applyFill="1"/>
    <xf numFmtId="0" fontId="8" fillId="3" borderId="0" xfId="0" applyFont="1" applyFill="1" applyAlignment="1">
      <alignment horizontal="left"/>
    </xf>
    <xf numFmtId="0" fontId="13" fillId="3" borderId="0" xfId="0" applyFont="1" applyFill="1" applyAlignment="1">
      <alignment horizontal="left"/>
    </xf>
    <xf numFmtId="0" fontId="16" fillId="5" borderId="3" xfId="28" quotePrefix="1" applyFont="1" applyFill="1" applyBorder="1" applyAlignment="1">
      <alignment horizontal="center" vertical="top" wrapText="1"/>
    </xf>
    <xf numFmtId="0" fontId="16" fillId="5" borderId="4" xfId="28" quotePrefix="1" applyFont="1" applyFill="1" applyBorder="1" applyAlignment="1">
      <alignment horizontal="center" vertical="top" wrapText="1"/>
    </xf>
    <xf numFmtId="0" fontId="16" fillId="5" borderId="5" xfId="28" quotePrefix="1" applyFont="1" applyFill="1" applyBorder="1" applyAlignment="1">
      <alignment horizontal="center" vertical="top" wrapText="1"/>
    </xf>
    <xf numFmtId="0" fontId="15" fillId="0" borderId="0" xfId="28" applyFont="1" applyFill="1" applyBorder="1" applyAlignment="1">
      <alignment horizontal="left" vertical="top" wrapText="1"/>
    </xf>
    <xf numFmtId="0" fontId="14" fillId="4" borderId="0" xfId="0" applyFont="1" applyFill="1" applyBorder="1" applyAlignment="1">
      <alignment horizontal="left" vertical="top"/>
    </xf>
    <xf numFmtId="0" fontId="15" fillId="0" borderId="0" xfId="28" quotePrefix="1" applyFont="1" applyFill="1" applyBorder="1" applyAlignment="1">
      <alignment horizontal="left" vertical="top" wrapText="1"/>
    </xf>
    <xf numFmtId="0" fontId="15" fillId="0" borderId="2" xfId="28" quotePrefix="1" applyFont="1" applyFill="1" applyBorder="1" applyAlignment="1">
      <alignment horizontal="left" vertical="top" wrapText="1"/>
    </xf>
    <xf numFmtId="0" fontId="16" fillId="5" borderId="3" xfId="28" quotePrefix="1" applyFont="1" applyFill="1" applyBorder="1" applyAlignment="1">
      <alignment vertical="top" wrapText="1"/>
    </xf>
    <xf numFmtId="0" fontId="16" fillId="5" borderId="4" xfId="28" quotePrefix="1" applyFont="1" applyFill="1" applyBorder="1" applyAlignment="1">
      <alignment vertical="top" wrapText="1"/>
    </xf>
    <xf numFmtId="0" fontId="16" fillId="5" borderId="5" xfId="28" quotePrefix="1" applyFont="1" applyFill="1" applyBorder="1" applyAlignment="1">
      <alignment vertical="top" wrapText="1"/>
    </xf>
    <xf numFmtId="0" fontId="16" fillId="5" borderId="6" xfId="28" quotePrefix="1" applyFont="1" applyFill="1" applyBorder="1" applyAlignment="1">
      <alignment horizontal="left" vertical="top" wrapText="1"/>
    </xf>
    <xf numFmtId="0" fontId="16" fillId="5" borderId="2" xfId="28" quotePrefix="1" applyFont="1" applyFill="1" applyBorder="1" applyAlignment="1">
      <alignment horizontal="left" vertical="top" wrapText="1"/>
    </xf>
    <xf numFmtId="0" fontId="14" fillId="4" borderId="0" xfId="0" applyFont="1" applyFill="1" applyBorder="1" applyAlignment="1">
      <alignment vertical="top"/>
    </xf>
    <xf numFmtId="0" fontId="16" fillId="5" borderId="3" xfId="28" quotePrefix="1" applyFont="1" applyFill="1" applyBorder="1" applyAlignment="1">
      <alignment horizontal="left" vertical="top" wrapText="1"/>
    </xf>
    <xf numFmtId="0" fontId="16" fillId="5" borderId="4" xfId="28" quotePrefix="1" applyFont="1" applyFill="1" applyBorder="1" applyAlignment="1">
      <alignment horizontal="left" vertical="top" wrapText="1"/>
    </xf>
    <xf numFmtId="0" fontId="16" fillId="5" borderId="5" xfId="28" quotePrefix="1" applyFont="1" applyFill="1" applyBorder="1" applyAlignment="1">
      <alignment horizontal="left" vertical="top" wrapText="1"/>
    </xf>
    <xf numFmtId="0" fontId="16" fillId="5" borderId="6" xfId="26" applyFont="1" applyFill="1" applyBorder="1" applyAlignment="1">
      <alignment vertical="top" wrapText="1"/>
    </xf>
    <xf numFmtId="0" fontId="16" fillId="5" borderId="2" xfId="26" applyFont="1" applyFill="1" applyBorder="1" applyAlignment="1">
      <alignment vertical="top" wrapText="1"/>
    </xf>
    <xf numFmtId="0" fontId="16" fillId="5" borderId="7" xfId="26" applyFont="1" applyFill="1" applyBorder="1" applyAlignment="1">
      <alignment vertical="top" wrapText="1"/>
    </xf>
    <xf numFmtId="0" fontId="15" fillId="0" borderId="0" xfId="2" applyFont="1" applyFill="1" applyBorder="1" applyAlignment="1">
      <alignment vertical="top" wrapText="1"/>
    </xf>
    <xf numFmtId="0" fontId="16" fillId="5" borderId="3" xfId="26" applyFont="1" applyFill="1" applyBorder="1" applyAlignment="1">
      <alignment horizontal="left" vertical="top" wrapText="1"/>
    </xf>
    <xf numFmtId="0" fontId="16" fillId="5" borderId="4" xfId="26" applyFont="1" applyFill="1" applyBorder="1" applyAlignment="1">
      <alignment horizontal="left" vertical="top" wrapText="1"/>
    </xf>
    <xf numFmtId="0" fontId="16" fillId="5" borderId="5" xfId="26" applyFont="1" applyFill="1" applyBorder="1" applyAlignment="1">
      <alignment horizontal="left" vertical="top" wrapText="1"/>
    </xf>
    <xf numFmtId="0" fontId="16" fillId="5" borderId="3" xfId="26" applyFont="1" applyFill="1" applyBorder="1" applyAlignment="1">
      <alignment vertical="top" wrapText="1"/>
    </xf>
    <xf numFmtId="0" fontId="16" fillId="5" borderId="4" xfId="26" applyFont="1" applyFill="1" applyBorder="1" applyAlignment="1">
      <alignment vertical="top" wrapText="1"/>
    </xf>
    <xf numFmtId="0" fontId="16" fillId="5" borderId="5" xfId="26" applyFont="1" applyFill="1" applyBorder="1" applyAlignment="1">
      <alignment vertical="top" wrapText="1"/>
    </xf>
    <xf numFmtId="0" fontId="15" fillId="0" borderId="0" xfId="28" quotePrefix="1" applyFont="1" applyFill="1" applyBorder="1" applyAlignment="1">
      <alignment vertical="top" wrapText="1"/>
    </xf>
    <xf numFmtId="167" fontId="14" fillId="4" borderId="0" xfId="0" applyNumberFormat="1" applyFont="1" applyFill="1" applyBorder="1" applyAlignment="1">
      <alignment vertical="top"/>
    </xf>
    <xf numFmtId="0" fontId="15" fillId="0" borderId="2" xfId="26" applyFont="1" applyFill="1" applyBorder="1" applyAlignment="1">
      <alignment horizontal="left" vertical="top" wrapText="1"/>
    </xf>
    <xf numFmtId="0" fontId="16" fillId="5" borderId="3" xfId="6" applyFont="1" applyFill="1" applyBorder="1" applyAlignment="1">
      <alignment vertical="top" wrapText="1"/>
    </xf>
    <xf numFmtId="0" fontId="16" fillId="5" borderId="4" xfId="6" applyFont="1" applyFill="1" applyBorder="1" applyAlignment="1">
      <alignment vertical="top" wrapText="1"/>
    </xf>
    <xf numFmtId="0" fontId="16" fillId="5" borderId="5" xfId="6" applyFont="1" applyFill="1" applyBorder="1" applyAlignment="1">
      <alignment vertical="top" wrapText="1"/>
    </xf>
    <xf numFmtId="0" fontId="16" fillId="5" borderId="6" xfId="6" applyFont="1" applyFill="1" applyBorder="1" applyAlignment="1">
      <alignment vertical="top" wrapText="1"/>
    </xf>
    <xf numFmtId="0" fontId="16" fillId="5" borderId="2" xfId="6" applyFont="1" applyFill="1" applyBorder="1" applyAlignment="1">
      <alignment vertical="top" wrapText="1"/>
    </xf>
    <xf numFmtId="0" fontId="16" fillId="5" borderId="3" xfId="5" applyFont="1" applyFill="1" applyBorder="1" applyAlignment="1">
      <alignment vertical="top" wrapText="1"/>
    </xf>
    <xf numFmtId="0" fontId="16" fillId="5" borderId="4" xfId="5" applyFont="1" applyFill="1" applyBorder="1" applyAlignment="1">
      <alignment vertical="top" wrapText="1"/>
    </xf>
    <xf numFmtId="0" fontId="16" fillId="5" borderId="5" xfId="5" applyFont="1" applyFill="1" applyBorder="1" applyAlignment="1">
      <alignment vertical="top" wrapText="1"/>
    </xf>
    <xf numFmtId="0" fontId="16" fillId="5" borderId="6" xfId="5" applyFont="1" applyFill="1" applyBorder="1" applyAlignment="1">
      <alignment vertical="top" wrapText="1"/>
    </xf>
    <xf numFmtId="0" fontId="16" fillId="5" borderId="2" xfId="5" applyFont="1" applyFill="1" applyBorder="1" applyAlignment="1">
      <alignment vertical="top"/>
    </xf>
    <xf numFmtId="0" fontId="15" fillId="0" borderId="0" xfId="5" quotePrefix="1" applyFont="1" applyFill="1" applyBorder="1" applyAlignment="1">
      <alignment vertical="top" wrapText="1"/>
    </xf>
    <xf numFmtId="0" fontId="16" fillId="5" borderId="2" xfId="5" applyFont="1" applyFill="1" applyBorder="1" applyAlignment="1">
      <alignment vertical="top" wrapText="1"/>
    </xf>
    <xf numFmtId="0" fontId="16" fillId="5" borderId="1" xfId="26" applyFont="1" applyFill="1" applyBorder="1" applyAlignment="1">
      <alignment horizontal="left" vertical="top" wrapText="1"/>
    </xf>
    <xf numFmtId="0" fontId="15" fillId="0" borderId="0" xfId="2" quotePrefix="1" applyFont="1" applyFill="1" applyBorder="1" applyAlignment="1">
      <alignment horizontal="left" vertical="top" wrapText="1"/>
    </xf>
    <xf numFmtId="0" fontId="16" fillId="5" borderId="3" xfId="27" applyFont="1" applyFill="1" applyBorder="1" applyAlignment="1">
      <alignment vertical="top" wrapText="1"/>
    </xf>
    <xf numFmtId="0" fontId="16" fillId="5" borderId="4" xfId="27" applyFont="1" applyFill="1" applyBorder="1" applyAlignment="1">
      <alignment vertical="top" wrapText="1"/>
    </xf>
    <xf numFmtId="0" fontId="30" fillId="0" borderId="2" xfId="2" quotePrefix="1" applyFont="1" applyFill="1" applyBorder="1" applyAlignment="1">
      <alignment horizontal="left" vertical="top" wrapText="1"/>
    </xf>
    <xf numFmtId="0" fontId="15" fillId="0" borderId="0" xfId="2" applyFont="1" applyFill="1" applyBorder="1" applyAlignment="1">
      <alignment horizontal="left" vertical="top" wrapText="1"/>
    </xf>
    <xf numFmtId="0" fontId="16" fillId="5" borderId="1" xfId="26" quotePrefix="1" applyFont="1" applyFill="1" applyBorder="1" applyAlignment="1">
      <alignment horizontal="left" vertical="top" wrapText="1"/>
    </xf>
    <xf numFmtId="0" fontId="15" fillId="0" borderId="0" xfId="5" quotePrefix="1" applyFont="1" applyFill="1" applyBorder="1" applyAlignment="1">
      <alignment horizontal="left" vertical="top" wrapText="1"/>
    </xf>
    <xf numFmtId="0" fontId="16" fillId="5" borderId="1" xfId="0" applyFont="1" applyFill="1" applyBorder="1" applyAlignment="1">
      <alignment horizontal="left" vertical="top"/>
    </xf>
    <xf numFmtId="0" fontId="16" fillId="5" borderId="1" xfId="23" applyFont="1" applyFill="1" applyBorder="1" applyAlignment="1">
      <alignment horizontal="left" vertical="top" wrapText="1"/>
    </xf>
    <xf numFmtId="0" fontId="15" fillId="0" borderId="2" xfId="5" quotePrefix="1" applyFont="1" applyFill="1" applyBorder="1" applyAlignment="1">
      <alignment horizontal="left" vertical="top" wrapText="1"/>
    </xf>
    <xf numFmtId="0" fontId="16" fillId="5" borderId="1" xfId="28" quotePrefix="1" applyFont="1" applyFill="1" applyBorder="1" applyAlignment="1">
      <alignment horizontal="left" vertical="top" wrapText="1"/>
    </xf>
    <xf numFmtId="0" fontId="16" fillId="5" borderId="3" xfId="0" applyFont="1" applyFill="1" applyBorder="1" applyAlignment="1">
      <alignment horizontal="left" vertical="top"/>
    </xf>
    <xf numFmtId="0" fontId="16" fillId="5" borderId="4" xfId="0" applyFont="1" applyFill="1" applyBorder="1" applyAlignment="1">
      <alignment horizontal="left" vertical="top"/>
    </xf>
    <xf numFmtId="0" fontId="16" fillId="5" borderId="5" xfId="0" applyFont="1" applyFill="1" applyBorder="1" applyAlignment="1">
      <alignment horizontal="left" vertical="top"/>
    </xf>
    <xf numFmtId="0" fontId="16" fillId="5" borderId="1" xfId="0" applyFont="1" applyFill="1" applyBorder="1" applyAlignment="1">
      <alignment horizontal="left" vertical="top" wrapText="1"/>
    </xf>
    <xf numFmtId="0" fontId="15" fillId="0" borderId="2" xfId="5" quotePrefix="1" applyFont="1" applyFill="1" applyBorder="1" applyAlignment="1">
      <alignment vertical="top" wrapText="1"/>
    </xf>
    <xf numFmtId="0" fontId="16" fillId="5" borderId="3" xfId="0" applyFont="1" applyFill="1" applyBorder="1" applyAlignment="1">
      <alignment vertical="top"/>
    </xf>
    <xf numFmtId="0" fontId="16" fillId="5" borderId="4" xfId="0" applyFont="1" applyFill="1" applyBorder="1" applyAlignment="1">
      <alignment vertical="top"/>
    </xf>
    <xf numFmtId="0" fontId="16" fillId="5" borderId="5" xfId="0" applyFont="1" applyFill="1" applyBorder="1" applyAlignment="1">
      <alignment vertical="top"/>
    </xf>
    <xf numFmtId="0" fontId="16" fillId="5" borderId="3" xfId="23" applyFont="1" applyFill="1" applyBorder="1" applyAlignment="1">
      <alignment horizontal="left" vertical="top" wrapText="1"/>
    </xf>
    <xf numFmtId="0" fontId="16" fillId="5" borderId="4" xfId="23" applyFont="1" applyFill="1" applyBorder="1" applyAlignment="1">
      <alignment horizontal="left" vertical="top" wrapText="1"/>
    </xf>
    <xf numFmtId="0" fontId="16" fillId="5" borderId="5" xfId="23" applyFont="1" applyFill="1" applyBorder="1" applyAlignment="1">
      <alignment horizontal="left" vertical="top" wrapText="1"/>
    </xf>
    <xf numFmtId="0" fontId="16" fillId="5" borderId="3" xfId="23" applyFont="1" applyFill="1" applyBorder="1" applyAlignment="1">
      <alignment vertical="top" wrapText="1"/>
    </xf>
    <xf numFmtId="0" fontId="16" fillId="5" borderId="4" xfId="23" applyFont="1" applyFill="1" applyBorder="1" applyAlignment="1">
      <alignment vertical="top" wrapText="1"/>
    </xf>
    <xf numFmtId="0" fontId="16" fillId="5" borderId="5" xfId="23" applyFont="1" applyFill="1" applyBorder="1" applyAlignment="1">
      <alignment vertical="top" wrapText="1"/>
    </xf>
    <xf numFmtId="0" fontId="16" fillId="5" borderId="6" xfId="23" applyFont="1" applyFill="1" applyBorder="1" applyAlignment="1">
      <alignment vertical="top" wrapText="1"/>
    </xf>
    <xf numFmtId="0" fontId="16" fillId="5" borderId="2" xfId="23" applyFont="1" applyFill="1" applyBorder="1" applyAlignment="1">
      <alignment vertical="top" wrapText="1"/>
    </xf>
    <xf numFmtId="0" fontId="15" fillId="0" borderId="0" xfId="4" quotePrefix="1" applyFont="1" applyFill="1" applyBorder="1" applyAlignment="1">
      <alignment vertical="top" wrapText="1"/>
    </xf>
    <xf numFmtId="0" fontId="15" fillId="0" borderId="0" xfId="4" quotePrefix="1" applyFont="1" applyFill="1" applyBorder="1" applyAlignment="1">
      <alignment horizontal="left" vertical="top" wrapText="1"/>
    </xf>
    <xf numFmtId="0" fontId="15" fillId="0" borderId="0" xfId="7" quotePrefix="1" applyFont="1" applyFill="1" applyBorder="1" applyAlignment="1">
      <alignment vertical="top" wrapText="1"/>
    </xf>
    <xf numFmtId="0" fontId="15" fillId="0" borderId="2" xfId="4" quotePrefix="1" applyFont="1" applyFill="1" applyBorder="1" applyAlignment="1">
      <alignment vertical="top" wrapText="1"/>
    </xf>
    <xf numFmtId="0" fontId="15" fillId="0" borderId="2" xfId="3" quotePrefix="1" applyFont="1" applyFill="1" applyBorder="1" applyAlignment="1">
      <alignment horizontal="left" vertical="top" wrapText="1"/>
    </xf>
    <xf numFmtId="0" fontId="15" fillId="0" borderId="0" xfId="3" quotePrefix="1" applyFont="1" applyFill="1" applyBorder="1" applyAlignment="1">
      <alignment horizontal="left" vertical="top" wrapText="1"/>
    </xf>
    <xf numFmtId="0" fontId="15" fillId="0" borderId="0" xfId="3" quotePrefix="1" applyFont="1" applyFill="1" applyBorder="1" applyAlignment="1">
      <alignment vertical="top" wrapText="1"/>
    </xf>
    <xf numFmtId="0" fontId="14" fillId="4" borderId="0" xfId="0" applyFont="1" applyFill="1" applyBorder="1" applyAlignment="1">
      <alignment horizontal="left" vertical="top" wrapText="1"/>
    </xf>
    <xf numFmtId="0" fontId="15" fillId="0" borderId="2" xfId="3" quotePrefix="1" applyFont="1" applyFill="1" applyBorder="1" applyAlignment="1">
      <alignment vertical="top" wrapText="1"/>
    </xf>
  </cellXfs>
  <cellStyles count="38">
    <cellStyle name="Hyperlink" xfId="1" builtinId="8"/>
    <cellStyle name="Normal" xfId="0" builtinId="0"/>
    <cellStyle name="Normal 2" xfId="37" xr:uid="{00000000-0005-0000-0000-000002000000}"/>
    <cellStyle name="Normal_%2_1" xfId="2" xr:uid="{00000000-0005-0000-0000-000003000000}"/>
    <cellStyle name="Normal_Belonging" xfId="3" xr:uid="{00000000-0005-0000-0000-000004000000}"/>
    <cellStyle name="Normal_CommLeader" xfId="4" xr:uid="{00000000-0005-0000-0000-000005000000}"/>
    <cellStyle name="Normal_CommunityEconomicWB" xfId="5" xr:uid="{00000000-0005-0000-0000-000006000000}"/>
    <cellStyle name="Normal_CWI Ind" xfId="6" xr:uid="{00000000-0005-0000-0000-000008000000}"/>
    <cellStyle name="Normal_Equity" xfId="7" xr:uid="{00000000-0005-0000-0000-00000A000000}"/>
    <cellStyle name="Normal_FamilyFriends" xfId="8" xr:uid="{00000000-0005-0000-0000-00000B000000}"/>
    <cellStyle name="Normal_GenHealth" xfId="9" xr:uid="{00000000-0005-0000-0000-00000C000000}"/>
    <cellStyle name="Normal_GettingInvolved" xfId="10" xr:uid="{00000000-0005-0000-0000-00000D000000}"/>
    <cellStyle name="Normal_HouseholdFinance" xfId="11" xr:uid="{00000000-0005-0000-0000-00000E000000}"/>
    <cellStyle name="Normal_HouseholdFinWB" xfId="12" xr:uid="{00000000-0005-0000-0000-00000F000000}"/>
    <cellStyle name="Normal_K10" xfId="13" xr:uid="{00000000-0005-0000-0000-000010000000}"/>
    <cellStyle name="Normal_liveability" xfId="14" xr:uid="{00000000-0005-0000-0000-000011000000}"/>
    <cellStyle name="Normal_Mean2" xfId="15" xr:uid="{00000000-0005-0000-0000-000012000000}"/>
    <cellStyle name="Normal_Migration" xfId="16" xr:uid="{00000000-0005-0000-0000-000013000000}"/>
    <cellStyle name="Normal_NaturalCap" xfId="17" xr:uid="{00000000-0005-0000-0000-000014000000}"/>
    <cellStyle name="Normal_PhysCrime" xfId="18" xr:uid="{00000000-0005-0000-0000-000015000000}"/>
    <cellStyle name="Normal_PhysFinance" xfId="19" xr:uid="{00000000-0005-0000-0000-000016000000}"/>
    <cellStyle name="Normal_PhysLandscape" xfId="20" xr:uid="{00000000-0005-0000-0000-000018000000}"/>
    <cellStyle name="Normal_PhysTelecom" xfId="21" xr:uid="{00000000-0005-0000-0000-00001B000000}"/>
    <cellStyle name="Normal_PWI_1" xfId="22" xr:uid="{00000000-0005-0000-0000-00001C000000}"/>
    <cellStyle name="Normal_Self efficacy" xfId="23" xr:uid="{00000000-0005-0000-0000-00001D000000}"/>
    <cellStyle name="Normal_Sheet1" xfId="24" xr:uid="{00000000-0005-0000-0000-00001E000000}"/>
    <cellStyle name="Normal_Sheet1_1" xfId="25" xr:uid="{00000000-0005-0000-0000-00001F000000}"/>
    <cellStyle name="Normal_Sheet10" xfId="26" xr:uid="{00000000-0005-0000-0000-000020000000}"/>
    <cellStyle name="Normal_Sheet13" xfId="27" xr:uid="{00000000-0005-0000-0000-000022000000}"/>
    <cellStyle name="Normal_Sheet2_1" xfId="28" xr:uid="{00000000-0005-0000-0000-000023000000}"/>
    <cellStyle name="Normal_Sheet4" xfId="29" xr:uid="{00000000-0005-0000-0000-000025000000}"/>
    <cellStyle name="Normal_Sheet5" xfId="30" xr:uid="{00000000-0005-0000-0000-000026000000}"/>
    <cellStyle name="Normal_Sheet5_1" xfId="31" xr:uid="{00000000-0005-0000-0000-000027000000}"/>
    <cellStyle name="Normal_Sheet6" xfId="32" xr:uid="{00000000-0005-0000-0000-000028000000}"/>
    <cellStyle name="Normal_Sheet7" xfId="33" xr:uid="{00000000-0005-0000-0000-000029000000}"/>
    <cellStyle name="Normal_Sheet7_1" xfId="34" xr:uid="{00000000-0005-0000-0000-00002A000000}"/>
    <cellStyle name="Normal_Sheet8" xfId="35" xr:uid="{00000000-0005-0000-0000-00002B000000}"/>
    <cellStyle name="Normal_Volunteering" xfId="36" xr:uid="{00000000-0005-0000-0000-00002C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G"/></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18</xdr:col>
      <xdr:colOff>563032</xdr:colOff>
      <xdr:row>31</xdr:row>
      <xdr:rowOff>161924</xdr:rowOff>
    </xdr:to>
    <xdr:pic>
      <xdr:nvPicPr>
        <xdr:cNvPr id="4" name="Picture 3">
          <a:extLst>
            <a:ext uri="{FF2B5EF4-FFF2-40B4-BE49-F238E27FC236}">
              <a16:creationId xmlns:a16="http://schemas.microsoft.com/office/drawing/2014/main" id="{C66DE621-38A4-45C4-960A-D8808DF4645F}"/>
            </a:ext>
          </a:extLst>
        </xdr:cNvPr>
        <xdr:cNvPicPr>
          <a:picLocks noChangeAspect="1"/>
        </xdr:cNvPicPr>
      </xdr:nvPicPr>
      <xdr:blipFill>
        <a:blip xmlns:r="http://schemas.openxmlformats.org/officeDocument/2006/relationships" r:embed="rId1"/>
        <a:stretch>
          <a:fillRect/>
        </a:stretch>
      </xdr:blipFill>
      <xdr:spPr>
        <a:xfrm>
          <a:off x="0" y="0"/>
          <a:ext cx="11192932" cy="6296024"/>
        </a:xfrm>
        <a:prstGeom prst="rect">
          <a:avLst/>
        </a:prstGeom>
      </xdr:spPr>
    </xdr:pic>
    <xdr:clientData/>
  </xdr:twoCellAnchor>
</xdr:wsDr>
</file>

<file path=xl/theme/theme1.xml><?xml version="1.0" encoding="utf-8"?>
<a:theme xmlns:a="http://schemas.openxmlformats.org/drawingml/2006/main" name="Kilter">
  <a:themeElements>
    <a:clrScheme name="Blue Green">
      <a:dk1>
        <a:sysClr val="windowText" lastClr="000000"/>
      </a:dk1>
      <a:lt1>
        <a:sysClr val="window" lastClr="FFFFFF"/>
      </a:lt1>
      <a:dk2>
        <a:srgbClr val="373545"/>
      </a:dk2>
      <a:lt2>
        <a:srgbClr val="CEDBE6"/>
      </a:lt2>
      <a:accent1>
        <a:srgbClr val="3494BA"/>
      </a:accent1>
      <a:accent2>
        <a:srgbClr val="58B6C0"/>
      </a:accent2>
      <a:accent3>
        <a:srgbClr val="75BDA7"/>
      </a:accent3>
      <a:accent4>
        <a:srgbClr val="7A8C8E"/>
      </a:accent4>
      <a:accent5>
        <a:srgbClr val="84ACB6"/>
      </a:accent5>
      <a:accent6>
        <a:srgbClr val="2683C6"/>
      </a:accent6>
      <a:hlink>
        <a:srgbClr val="6B9F25"/>
      </a:hlink>
      <a:folHlink>
        <a:srgbClr val="9F6715"/>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Kilter">
      <a:fillStyleLst>
        <a:solidFill>
          <a:schemeClr val="phClr"/>
        </a:solidFill>
        <a:gradFill rotWithShape="1">
          <a:gsLst>
            <a:gs pos="0">
              <a:schemeClr val="phClr">
                <a:tint val="14000"/>
                <a:satMod val="180000"/>
                <a:lumMod val="100000"/>
              </a:schemeClr>
            </a:gs>
            <a:gs pos="42000">
              <a:schemeClr val="phClr">
                <a:tint val="40000"/>
                <a:satMod val="160000"/>
                <a:lumMod val="94000"/>
              </a:schemeClr>
            </a:gs>
            <a:gs pos="100000">
              <a:schemeClr val="phClr">
                <a:tint val="94000"/>
                <a:satMod val="140000"/>
              </a:schemeClr>
            </a:gs>
          </a:gsLst>
          <a:lin ang="5160000" scaled="1"/>
        </a:gradFill>
        <a:gradFill rotWithShape="1">
          <a:gsLst>
            <a:gs pos="38000">
              <a:schemeClr val="phClr">
                <a:satMod val="120000"/>
              </a:schemeClr>
            </a:gs>
            <a:gs pos="100000">
              <a:schemeClr val="phClr">
                <a:shade val="60000"/>
                <a:satMod val="180000"/>
                <a:lumMod val="70000"/>
              </a:schemeClr>
            </a:gs>
          </a:gsLst>
          <a:lin ang="4680000" scaled="0"/>
        </a:gradFill>
      </a:fillStyleLst>
      <a:lnStyleLst>
        <a:ln w="12700" cap="flat" cmpd="sng" algn="ctr">
          <a:solidFill>
            <a:schemeClr val="phClr">
              <a:shade val="50000"/>
            </a:schemeClr>
          </a:solidFill>
          <a:prstDash val="solid"/>
        </a:ln>
        <a:ln w="25400" cap="flat" cmpd="sng" algn="ctr">
          <a:solidFill>
            <a:schemeClr val="phClr">
              <a:shade val="75000"/>
              <a:lumMod val="90000"/>
            </a:schemeClr>
          </a:solidFill>
          <a:prstDash val="solid"/>
        </a:ln>
        <a:ln w="38100" cap="flat" cmpd="sng" algn="ctr">
          <a:solidFill>
            <a:schemeClr val="phClr"/>
          </a:solidFill>
          <a:prstDash val="solid"/>
        </a:ln>
      </a:lnStyleLst>
      <a:effectStyleLst>
        <a:effectStyle>
          <a:effectLst>
            <a:outerShdw blurRad="63500" dist="12700" dir="5400000" sx="102000" sy="102000" rotWithShape="0">
              <a:srgbClr val="000000">
                <a:alpha val="20000"/>
              </a:srgbClr>
            </a:outerShdw>
          </a:effectLst>
        </a:effectStyle>
        <a:effectStyle>
          <a:effectLst>
            <a:outerShdw blurRad="76200" dist="25400" dir="5400000" rotWithShape="0">
              <a:srgbClr val="000000">
                <a:alpha val="50000"/>
              </a:srgbClr>
            </a:outerShdw>
          </a:effectLst>
          <a:scene3d>
            <a:camera prst="orthographicFront">
              <a:rot lat="0" lon="0" rev="0"/>
            </a:camera>
            <a:lightRig rig="glow" dir="tl">
              <a:rot lat="0" lon="0" rev="19800000"/>
            </a:lightRig>
          </a:scene3d>
          <a:sp3d prstMaterial="metal">
            <a:bevelT w="152400" h="63500" prst="softRound"/>
          </a:sp3d>
        </a:effectStyle>
        <a:effectStyle>
          <a:effectLst>
            <a:outerShdw blurRad="107950" dist="12700" dir="5040000" rotWithShape="0">
              <a:srgbClr val="000000">
                <a:alpha val="54000"/>
              </a:srgbClr>
            </a:outerShdw>
          </a:effectLst>
          <a:scene3d>
            <a:camera prst="orthographicFront">
              <a:rot lat="0" lon="0" rev="0"/>
            </a:camera>
            <a:lightRig rig="threePt" dir="tl">
              <a:rot lat="0" lon="0" rev="19800000"/>
            </a:lightRig>
          </a:scene3d>
          <a:sp3d prstMaterial="plastic">
            <a:bevelT h="63500" prst="softRound"/>
          </a:sp3d>
        </a:effectStyle>
      </a:effectStyleLst>
      <a:bgFillStyleLst>
        <a:solidFill>
          <a:schemeClr val="phClr"/>
        </a:solidFill>
        <a:gradFill rotWithShape="1">
          <a:gsLst>
            <a:gs pos="0">
              <a:schemeClr val="phClr">
                <a:tint val="95000"/>
                <a:satMod val="140000"/>
                <a:lumMod val="120000"/>
              </a:schemeClr>
            </a:gs>
            <a:gs pos="100000">
              <a:schemeClr val="phClr">
                <a:tint val="95000"/>
                <a:shade val="70000"/>
                <a:satMod val="180000"/>
                <a:lumMod val="82000"/>
              </a:schemeClr>
            </a:gs>
          </a:gsLst>
          <a:path path="circle">
            <a:fillToRect l="25000" t="25000" r="25000" b="25000"/>
          </a:path>
        </a:gradFill>
        <a:gradFill rotWithShape="1">
          <a:gsLst>
            <a:gs pos="0">
              <a:schemeClr val="phClr">
                <a:tint val="94000"/>
                <a:satMod val="140000"/>
                <a:lumMod val="120000"/>
              </a:schemeClr>
            </a:gs>
            <a:gs pos="100000">
              <a:schemeClr val="phClr">
                <a:tint val="97000"/>
                <a:shade val="70000"/>
                <a:satMod val="190000"/>
                <a:lumMod val="72000"/>
              </a:schemeClr>
            </a:gs>
          </a:gsLst>
          <a:path path="circle">
            <a:fillToRect l="50000" t="50000" r="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K1:S9"/>
  <sheetViews>
    <sheetView tabSelected="1" workbookViewId="0">
      <selection activeCell="T2" sqref="T2"/>
    </sheetView>
  </sheetViews>
  <sheetFormatPr defaultColWidth="8.85546875" defaultRowHeight="15"/>
  <cols>
    <col min="1" max="16384" width="8.85546875" style="2"/>
  </cols>
  <sheetData>
    <row r="1" spans="11:19" ht="23.25">
      <c r="Q1" s="225"/>
    </row>
    <row r="3" spans="11:19" ht="24.75">
      <c r="K3" s="4"/>
    </row>
    <row r="8" spans="11:19">
      <c r="R8" s="3"/>
    </row>
    <row r="9" spans="11:19">
      <c r="Q9" s="3"/>
      <c r="S9" s="3"/>
    </row>
  </sheetData>
  <pageMargins left="0.7" right="0.7" top="0.75" bottom="0.75" header="0.3" footer="0.3"/>
  <drawing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AD198"/>
  <sheetViews>
    <sheetView zoomScaleNormal="100" workbookViewId="0">
      <selection activeCell="A120" sqref="A120:L120"/>
    </sheetView>
  </sheetViews>
  <sheetFormatPr defaultColWidth="18.5703125" defaultRowHeight="15"/>
  <cols>
    <col min="1" max="1" width="36.85546875" customWidth="1"/>
  </cols>
  <sheetData>
    <row r="1" spans="1:4" ht="31.5">
      <c r="A1" s="33" t="s">
        <v>45</v>
      </c>
    </row>
    <row r="3" spans="1:4" ht="18.75">
      <c r="A3" s="316" t="s">
        <v>12</v>
      </c>
      <c r="B3" s="316"/>
      <c r="C3" s="316"/>
      <c r="D3" s="316"/>
    </row>
    <row r="4" spans="1:4" ht="139.5" customHeight="1">
      <c r="A4" s="382" t="s">
        <v>483</v>
      </c>
      <c r="B4" s="382"/>
      <c r="C4" s="382"/>
      <c r="D4" s="382"/>
    </row>
    <row r="5" spans="1:4" ht="42" customHeight="1">
      <c r="A5" s="364" t="s">
        <v>148</v>
      </c>
      <c r="B5" s="364"/>
      <c r="C5" s="364"/>
      <c r="D5" s="364"/>
    </row>
    <row r="6" spans="1:4" ht="36.75" customHeight="1">
      <c r="A6" s="37" t="s">
        <v>85</v>
      </c>
      <c r="B6" s="38" t="s">
        <v>86</v>
      </c>
      <c r="C6" s="39" t="s">
        <v>87</v>
      </c>
      <c r="D6" s="40" t="s">
        <v>88</v>
      </c>
    </row>
    <row r="7" spans="1:4" ht="75.75" customHeight="1">
      <c r="A7" s="41"/>
      <c r="B7" s="42" t="s">
        <v>89</v>
      </c>
      <c r="C7" s="126" t="s">
        <v>149</v>
      </c>
      <c r="D7" s="44" t="s">
        <v>91</v>
      </c>
    </row>
    <row r="8" spans="1:4">
      <c r="A8" s="45" t="s">
        <v>435</v>
      </c>
      <c r="B8" s="168">
        <v>8622</v>
      </c>
      <c r="C8" s="84">
        <v>4.4000000000000004</v>
      </c>
      <c r="D8" s="85">
        <v>1.9599999999999999E-2</v>
      </c>
    </row>
    <row r="9" spans="1:4">
      <c r="A9" s="49" t="s">
        <v>436</v>
      </c>
      <c r="B9" s="49">
        <v>7978</v>
      </c>
      <c r="C9" s="170">
        <v>4.3280430000000001</v>
      </c>
      <c r="D9" s="130">
        <v>5.7529919999999998E-2</v>
      </c>
    </row>
    <row r="10" spans="1:4">
      <c r="A10" s="45" t="s">
        <v>437</v>
      </c>
      <c r="B10" s="53">
        <v>777</v>
      </c>
      <c r="C10" s="84">
        <v>4.37</v>
      </c>
      <c r="D10" s="85">
        <v>9.8000000000000004E-2</v>
      </c>
    </row>
    <row r="11" spans="1:4">
      <c r="A11" s="49" t="s">
        <v>438</v>
      </c>
      <c r="B11" s="49">
        <v>892</v>
      </c>
      <c r="C11" s="170">
        <v>4.1399999999999997</v>
      </c>
      <c r="D11" s="130">
        <v>9.8000000000000004E-2</v>
      </c>
    </row>
    <row r="12" spans="1:4">
      <c r="A12" s="45" t="s">
        <v>439</v>
      </c>
      <c r="B12" s="53">
        <v>832</v>
      </c>
      <c r="C12" s="84">
        <v>4.04</v>
      </c>
      <c r="D12" s="85">
        <v>9.8000000000000004E-2</v>
      </c>
    </row>
    <row r="13" spans="1:4">
      <c r="A13" s="49" t="s">
        <v>444</v>
      </c>
      <c r="B13" s="49">
        <v>19</v>
      </c>
      <c r="C13" s="170">
        <v>5.0599999999999996</v>
      </c>
      <c r="D13" s="130">
        <v>0.64680000000000004</v>
      </c>
    </row>
    <row r="14" spans="1:4">
      <c r="A14" s="45" t="s">
        <v>445</v>
      </c>
      <c r="B14" s="53">
        <v>265</v>
      </c>
      <c r="C14" s="84">
        <v>4.42</v>
      </c>
      <c r="D14" s="85">
        <v>0.15679999999999999</v>
      </c>
    </row>
    <row r="15" spans="1:4">
      <c r="A15" s="49" t="s">
        <v>440</v>
      </c>
      <c r="B15" s="49">
        <v>93</v>
      </c>
      <c r="C15" s="170">
        <v>4.2699999999999996</v>
      </c>
      <c r="D15" s="130">
        <v>0.29399999999999998</v>
      </c>
    </row>
    <row r="16" spans="1:4">
      <c r="A16" s="45" t="s">
        <v>441</v>
      </c>
      <c r="B16" s="53">
        <v>81</v>
      </c>
      <c r="C16" s="84">
        <v>4.58</v>
      </c>
      <c r="D16" s="85">
        <v>0.27440000000000003</v>
      </c>
    </row>
    <row r="17" spans="1:25">
      <c r="A17" s="49" t="s">
        <v>442</v>
      </c>
      <c r="B17" s="49">
        <v>67</v>
      </c>
      <c r="C17" s="170">
        <v>4.47</v>
      </c>
      <c r="D17" s="130">
        <v>0.27440000000000003</v>
      </c>
    </row>
    <row r="18" spans="1:25" ht="25.5">
      <c r="A18" s="45" t="s">
        <v>446</v>
      </c>
      <c r="B18" s="168">
        <v>91</v>
      </c>
      <c r="C18" s="84">
        <v>4.16</v>
      </c>
      <c r="D18" s="85">
        <v>0.27440000000000003</v>
      </c>
    </row>
    <row r="19" spans="1:25">
      <c r="A19" s="49" t="s">
        <v>447</v>
      </c>
      <c r="B19" s="169">
        <v>96</v>
      </c>
      <c r="C19" s="170">
        <v>4.17</v>
      </c>
      <c r="D19" s="130">
        <v>0.25480000000000003</v>
      </c>
    </row>
    <row r="20" spans="1:25" ht="25.5">
      <c r="A20" s="45" t="s">
        <v>448</v>
      </c>
      <c r="B20" s="83">
        <v>127</v>
      </c>
      <c r="C20" s="84">
        <v>3.89</v>
      </c>
      <c r="D20" s="85">
        <v>0.21559999999999999</v>
      </c>
      <c r="P20" s="248"/>
      <c r="Q20" s="248"/>
      <c r="R20" s="248"/>
      <c r="S20" s="248"/>
      <c r="T20" s="248"/>
      <c r="U20" s="248"/>
      <c r="V20" s="248"/>
      <c r="W20" s="248"/>
      <c r="X20" s="248"/>
      <c r="Y20" s="248"/>
    </row>
    <row r="21" spans="1:25">
      <c r="A21" s="49" t="s">
        <v>449</v>
      </c>
      <c r="B21" s="169">
        <v>76</v>
      </c>
      <c r="C21" s="170">
        <v>4.25</v>
      </c>
      <c r="D21" s="130">
        <v>0.27440000000000003</v>
      </c>
      <c r="P21" s="248"/>
      <c r="Q21" s="248"/>
      <c r="R21" s="248"/>
      <c r="S21" s="248"/>
      <c r="T21" s="248"/>
      <c r="U21" s="248"/>
      <c r="V21" s="248"/>
      <c r="W21" s="248"/>
      <c r="X21" s="248"/>
      <c r="Y21" s="248"/>
    </row>
    <row r="22" spans="1:25">
      <c r="A22" s="57" t="s">
        <v>450</v>
      </c>
      <c r="B22" s="168">
        <v>98</v>
      </c>
      <c r="C22" s="84">
        <v>3.82</v>
      </c>
      <c r="D22" s="85">
        <v>0.27440000000000003</v>
      </c>
      <c r="P22" s="248"/>
      <c r="Q22" s="248"/>
      <c r="R22" s="248"/>
      <c r="S22" s="248"/>
      <c r="T22" s="248"/>
      <c r="U22" s="248"/>
      <c r="V22" s="248"/>
      <c r="W22" s="248"/>
      <c r="X22" s="248"/>
      <c r="Y22" s="248"/>
    </row>
    <row r="23" spans="1:25">
      <c r="A23" s="49" t="s">
        <v>443</v>
      </c>
      <c r="B23" s="169">
        <v>63</v>
      </c>
      <c r="C23" s="170">
        <v>3.91</v>
      </c>
      <c r="D23" s="130">
        <v>0.3528</v>
      </c>
      <c r="P23" s="248"/>
      <c r="Q23" s="248"/>
      <c r="R23" s="248"/>
      <c r="S23" s="248"/>
      <c r="T23" s="248"/>
      <c r="U23" s="248"/>
      <c r="V23" s="248"/>
      <c r="W23" s="248"/>
      <c r="X23" s="248"/>
      <c r="Y23" s="248"/>
    </row>
    <row r="24" spans="1:25" ht="14.25" customHeight="1">
      <c r="A24" s="57" t="s">
        <v>451</v>
      </c>
      <c r="B24" s="168">
        <v>122</v>
      </c>
      <c r="C24" s="84">
        <v>4.03</v>
      </c>
      <c r="D24" s="85">
        <v>0.25480000000000003</v>
      </c>
      <c r="P24" s="248"/>
      <c r="Q24" s="248"/>
      <c r="R24" s="248"/>
      <c r="S24" s="248"/>
      <c r="T24" s="248"/>
      <c r="U24" s="248"/>
      <c r="V24" s="248"/>
      <c r="W24" s="248"/>
      <c r="X24" s="248"/>
      <c r="Y24" s="248"/>
    </row>
    <row r="25" spans="1:25">
      <c r="P25" s="248"/>
      <c r="Q25" s="248"/>
      <c r="R25" s="248"/>
      <c r="S25" s="248"/>
      <c r="T25" s="248"/>
      <c r="U25" s="248"/>
      <c r="V25" s="248"/>
      <c r="W25" s="248"/>
      <c r="X25" s="248"/>
      <c r="Y25" s="248"/>
    </row>
    <row r="26" spans="1:25">
      <c r="P26" s="248"/>
      <c r="Q26" s="248"/>
      <c r="R26" s="248"/>
      <c r="S26" s="248"/>
      <c r="T26" s="248"/>
      <c r="U26" s="248"/>
      <c r="V26" s="248"/>
      <c r="W26" s="248"/>
      <c r="X26" s="248"/>
      <c r="Y26" s="248"/>
    </row>
    <row r="27" spans="1:25">
      <c r="P27" s="248"/>
      <c r="Q27" s="248"/>
      <c r="R27" s="248"/>
      <c r="S27" s="248"/>
      <c r="T27" s="248"/>
      <c r="U27" s="248"/>
      <c r="V27" s="248"/>
      <c r="W27" s="248"/>
      <c r="X27" s="248"/>
      <c r="Y27" s="248"/>
    </row>
    <row r="28" spans="1:25">
      <c r="P28" s="248"/>
      <c r="Q28" s="248"/>
      <c r="R28" s="248"/>
      <c r="S28" s="248"/>
      <c r="T28" s="248"/>
      <c r="U28" s="248"/>
      <c r="V28" s="248"/>
      <c r="W28" s="248"/>
      <c r="X28" s="248"/>
      <c r="Y28" s="248"/>
    </row>
    <row r="29" spans="1:25">
      <c r="P29" s="248"/>
      <c r="Q29" s="248"/>
      <c r="R29" s="248"/>
      <c r="S29" s="248"/>
      <c r="T29" s="248"/>
      <c r="U29" s="248"/>
      <c r="V29" s="248"/>
      <c r="W29" s="248"/>
      <c r="X29" s="248"/>
      <c r="Y29" s="248"/>
    </row>
    <row r="30" spans="1:25">
      <c r="P30" s="248"/>
      <c r="Q30" s="248"/>
      <c r="R30" s="248"/>
      <c r="S30" s="248"/>
      <c r="T30" s="248"/>
      <c r="U30" s="248"/>
      <c r="V30" s="248"/>
      <c r="W30" s="248"/>
      <c r="X30" s="248"/>
      <c r="Y30" s="248"/>
    </row>
    <row r="31" spans="1:25">
      <c r="P31" s="248"/>
      <c r="Q31" s="248"/>
      <c r="R31" s="248"/>
      <c r="S31" s="248"/>
      <c r="T31" s="248"/>
      <c r="U31" s="248"/>
      <c r="V31" s="248"/>
      <c r="W31" s="248"/>
      <c r="X31" s="248"/>
      <c r="Y31" s="248"/>
    </row>
    <row r="32" spans="1:25" ht="18.75">
      <c r="A32" s="324" t="s">
        <v>46</v>
      </c>
      <c r="B32" s="324"/>
      <c r="C32" s="324"/>
      <c r="D32" s="324"/>
      <c r="E32" s="324"/>
      <c r="F32" s="324"/>
      <c r="G32" s="324"/>
      <c r="H32" s="324"/>
      <c r="I32" s="324"/>
      <c r="J32" s="324"/>
      <c r="K32" s="324"/>
      <c r="L32" s="324"/>
      <c r="M32" s="324"/>
      <c r="N32" s="324"/>
      <c r="O32" s="324"/>
      <c r="P32" s="226"/>
      <c r="Q32" s="226"/>
      <c r="R32" s="226"/>
      <c r="S32" s="226"/>
      <c r="T32" s="226"/>
      <c r="U32" s="226"/>
      <c r="V32" s="226"/>
      <c r="W32" s="248"/>
      <c r="X32" s="248"/>
      <c r="Y32" s="248"/>
    </row>
    <row r="33" spans="1:25" ht="35.25" customHeight="1">
      <c r="A33" s="384" t="s">
        <v>484</v>
      </c>
      <c r="B33" s="384"/>
      <c r="C33" s="384"/>
      <c r="D33" s="384"/>
      <c r="E33" s="384"/>
      <c r="F33" s="384"/>
      <c r="G33" s="384"/>
      <c r="H33" s="384"/>
      <c r="I33" s="384"/>
      <c r="J33" s="384"/>
      <c r="K33" s="384"/>
      <c r="L33" s="384"/>
      <c r="M33" s="384"/>
      <c r="N33" s="384"/>
      <c r="O33" s="384"/>
      <c r="P33" s="252"/>
      <c r="Q33" s="252"/>
      <c r="R33" s="252"/>
      <c r="S33" s="252"/>
      <c r="T33" s="252"/>
      <c r="U33" s="252"/>
      <c r="V33" s="252"/>
      <c r="W33" s="248"/>
      <c r="X33" s="248"/>
      <c r="Y33" s="248"/>
    </row>
    <row r="34" spans="1:25" ht="37.5" customHeight="1">
      <c r="A34" s="64"/>
      <c r="B34" s="362" t="s">
        <v>325</v>
      </c>
      <c r="C34" s="362"/>
      <c r="D34" s="362"/>
      <c r="E34" s="362"/>
      <c r="F34" s="362"/>
      <c r="G34" s="362"/>
      <c r="H34" s="362"/>
      <c r="I34" s="362" t="s">
        <v>326</v>
      </c>
      <c r="J34" s="362"/>
      <c r="K34" s="362"/>
      <c r="L34" s="362"/>
      <c r="M34" s="362"/>
      <c r="N34" s="362"/>
      <c r="O34" s="362"/>
      <c r="P34" s="248"/>
      <c r="Q34" s="248"/>
      <c r="R34" s="248"/>
      <c r="S34" s="248"/>
      <c r="T34" s="248"/>
      <c r="U34" s="248"/>
      <c r="V34" s="248"/>
      <c r="W34" s="248"/>
      <c r="X34" s="248"/>
      <c r="Y34" s="248"/>
    </row>
    <row r="35" spans="1:25" ht="37.5" customHeight="1">
      <c r="A35" s="37" t="s">
        <v>85</v>
      </c>
      <c r="B35" s="38" t="s">
        <v>86</v>
      </c>
      <c r="C35" s="38" t="s">
        <v>150</v>
      </c>
      <c r="D35" s="89" t="s">
        <v>393</v>
      </c>
      <c r="E35" s="38" t="s">
        <v>151</v>
      </c>
      <c r="F35" s="89" t="s">
        <v>394</v>
      </c>
      <c r="G35" s="38" t="s">
        <v>152</v>
      </c>
      <c r="H35" s="89" t="s">
        <v>395</v>
      </c>
      <c r="I35" s="38" t="s">
        <v>86</v>
      </c>
      <c r="J35" s="38" t="s">
        <v>150</v>
      </c>
      <c r="K35" s="89" t="s">
        <v>393</v>
      </c>
      <c r="L35" s="38" t="s">
        <v>151</v>
      </c>
      <c r="M35" s="89" t="s">
        <v>394</v>
      </c>
      <c r="N35" s="38" t="s">
        <v>152</v>
      </c>
      <c r="O35" s="89" t="s">
        <v>395</v>
      </c>
    </row>
    <row r="36" spans="1:25" ht="71.25" customHeight="1">
      <c r="A36" s="41"/>
      <c r="B36" s="42" t="s">
        <v>89</v>
      </c>
      <c r="C36" s="42" t="s">
        <v>181</v>
      </c>
      <c r="D36" s="91" t="s">
        <v>104</v>
      </c>
      <c r="E36" s="42" t="s">
        <v>182</v>
      </c>
      <c r="F36" s="91" t="s">
        <v>104</v>
      </c>
      <c r="G36" s="42" t="s">
        <v>183</v>
      </c>
      <c r="H36" s="91" t="s">
        <v>104</v>
      </c>
      <c r="I36" s="42" t="s">
        <v>89</v>
      </c>
      <c r="J36" s="42" t="s">
        <v>181</v>
      </c>
      <c r="K36" s="91" t="s">
        <v>104</v>
      </c>
      <c r="L36" s="42" t="s">
        <v>182</v>
      </c>
      <c r="M36" s="91" t="s">
        <v>104</v>
      </c>
      <c r="N36" s="42" t="s">
        <v>183</v>
      </c>
      <c r="O36" s="91" t="s">
        <v>104</v>
      </c>
    </row>
    <row r="37" spans="1:25">
      <c r="A37" s="45" t="s">
        <v>435</v>
      </c>
      <c r="B37" s="168">
        <v>8604</v>
      </c>
      <c r="C37" s="171">
        <v>0.193</v>
      </c>
      <c r="D37" s="94">
        <v>8.509741074131473E-3</v>
      </c>
      <c r="E37" s="171">
        <v>0.17899999999999999</v>
      </c>
      <c r="F37" s="94">
        <v>8.2664374032983337E-3</v>
      </c>
      <c r="G37" s="171">
        <v>0.628</v>
      </c>
      <c r="H37" s="94">
        <v>1.0419438315405576E-2</v>
      </c>
      <c r="I37" s="168">
        <v>8598</v>
      </c>
      <c r="J37" s="171">
        <v>0.39400000000000002</v>
      </c>
      <c r="K37" s="94">
        <v>1.0537175191888152E-2</v>
      </c>
      <c r="L37" s="171">
        <v>0.16600000000000001</v>
      </c>
      <c r="M37" s="94">
        <v>8.026569595508945E-3</v>
      </c>
      <c r="N37" s="171">
        <v>0.44</v>
      </c>
      <c r="O37" s="94">
        <v>1.0704184304635267E-2</v>
      </c>
    </row>
    <row r="38" spans="1:25">
      <c r="A38" s="49" t="s">
        <v>436</v>
      </c>
      <c r="B38" s="169">
        <v>8001</v>
      </c>
      <c r="C38" s="172">
        <v>0.20130000000000001</v>
      </c>
      <c r="D38" s="97">
        <v>8.9656838647354277E-3</v>
      </c>
      <c r="E38" s="172">
        <v>0.1928</v>
      </c>
      <c r="F38" s="97">
        <v>8.8211445853471886E-3</v>
      </c>
      <c r="G38" s="172">
        <v>0.60580000000000001</v>
      </c>
      <c r="H38" s="97">
        <v>1.0924018860253666E-2</v>
      </c>
      <c r="I38" s="169">
        <v>7995</v>
      </c>
      <c r="J38" s="172">
        <v>0.41249999999999998</v>
      </c>
      <c r="K38" s="97">
        <v>1.1008671650237495E-2</v>
      </c>
      <c r="L38" s="172">
        <v>0.16800000000000001</v>
      </c>
      <c r="M38" s="97">
        <v>8.3637222030356964E-3</v>
      </c>
      <c r="N38" s="172">
        <v>0.41949999999999998</v>
      </c>
      <c r="O38" s="97">
        <v>1.1035322243231458E-2</v>
      </c>
    </row>
    <row r="39" spans="1:25">
      <c r="A39" s="45" t="s">
        <v>437</v>
      </c>
      <c r="B39" s="168">
        <v>776</v>
      </c>
      <c r="C39" s="171">
        <v>0.2273</v>
      </c>
      <c r="D39" s="94">
        <v>3.0076438962391702E-2</v>
      </c>
      <c r="E39" s="171">
        <v>0.1668</v>
      </c>
      <c r="F39" s="94">
        <v>2.6805427112567452E-2</v>
      </c>
      <c r="G39" s="171">
        <v>0.60589999999999999</v>
      </c>
      <c r="H39" s="94">
        <v>3.5001825502559245E-2</v>
      </c>
      <c r="I39" s="168">
        <v>777</v>
      </c>
      <c r="J39" s="171">
        <v>0.38059999999999999</v>
      </c>
      <c r="K39" s="94">
        <v>3.4758305625612732E-2</v>
      </c>
      <c r="L39" s="171">
        <v>0.1651</v>
      </c>
      <c r="M39" s="94">
        <v>2.6680440559231369E-2</v>
      </c>
      <c r="N39" s="171">
        <v>0.45440000000000003</v>
      </c>
      <c r="O39" s="94">
        <v>3.5635218657947734E-2</v>
      </c>
    </row>
    <row r="40" spans="1:25">
      <c r="A40" s="49" t="s">
        <v>438</v>
      </c>
      <c r="B40" s="169">
        <v>890</v>
      </c>
      <c r="C40" s="172">
        <v>0.219</v>
      </c>
      <c r="D40" s="97">
        <v>2.7720561941690851E-2</v>
      </c>
      <c r="E40" s="172">
        <v>0.189</v>
      </c>
      <c r="F40" s="97">
        <v>2.626168226550573E-2</v>
      </c>
      <c r="G40" s="172">
        <v>0.59199999999999997</v>
      </c>
      <c r="H40" s="97">
        <v>3.2879113614605195E-2</v>
      </c>
      <c r="I40" s="169">
        <v>892</v>
      </c>
      <c r="J40" s="172">
        <v>0.47699999999999998</v>
      </c>
      <c r="K40" s="97">
        <v>3.3372606433123619E-2</v>
      </c>
      <c r="L40" s="172">
        <v>0.18099999999999999</v>
      </c>
      <c r="M40" s="97">
        <v>2.5803650097901823E-2</v>
      </c>
      <c r="N40" s="172">
        <v>0.34300000000000003</v>
      </c>
      <c r="O40" s="97">
        <v>3.1733445424511848E-2</v>
      </c>
    </row>
    <row r="41" spans="1:25">
      <c r="A41" s="45" t="s">
        <v>439</v>
      </c>
      <c r="B41" s="168">
        <v>831</v>
      </c>
      <c r="C41" s="171">
        <v>0.22800000000000001</v>
      </c>
      <c r="D41" s="94">
        <v>2.9096011286947124E-2</v>
      </c>
      <c r="E41" s="171">
        <v>0.20200000000000001</v>
      </c>
      <c r="F41" s="94">
        <v>2.7861486209568419E-2</v>
      </c>
      <c r="G41" s="171">
        <v>0.56999999999999995</v>
      </c>
      <c r="H41" s="94">
        <v>3.4268879313436633E-2</v>
      </c>
      <c r="I41" s="168">
        <v>832</v>
      </c>
      <c r="J41" s="171">
        <v>0.50700000000000001</v>
      </c>
      <c r="K41" s="94">
        <v>3.4582365986353884E-2</v>
      </c>
      <c r="L41" s="171">
        <v>0.17699999999999999</v>
      </c>
      <c r="M41" s="94">
        <v>2.6490675005227615E-2</v>
      </c>
      <c r="N41" s="171">
        <v>0.317</v>
      </c>
      <c r="O41" s="94">
        <v>3.2209741923411771E-2</v>
      </c>
    </row>
    <row r="42" spans="1:25">
      <c r="A42" s="49" t="s">
        <v>444</v>
      </c>
      <c r="B42" s="169">
        <v>19</v>
      </c>
      <c r="C42" s="172">
        <v>0.19800000000000001</v>
      </c>
      <c r="D42" s="97">
        <v>0.18070422499499833</v>
      </c>
      <c r="E42" s="172">
        <v>0.13100000000000001</v>
      </c>
      <c r="F42" s="97">
        <v>0.16528292303003411</v>
      </c>
      <c r="G42" s="172">
        <v>0.67100000000000004</v>
      </c>
      <c r="H42" s="97">
        <v>0.20001972369251755</v>
      </c>
      <c r="I42" s="169">
        <v>19</v>
      </c>
      <c r="J42" s="172">
        <v>6.6000000000000003E-2</v>
      </c>
      <c r="K42" s="97">
        <v>0.14534047736317132</v>
      </c>
      <c r="L42" s="172">
        <v>0.13100000000000001</v>
      </c>
      <c r="M42" s="97">
        <v>0.16528292303003411</v>
      </c>
      <c r="N42" s="172">
        <v>0.80300000000000005</v>
      </c>
      <c r="O42" s="97">
        <v>0.18050544178686365</v>
      </c>
    </row>
    <row r="43" spans="1:25">
      <c r="A43" s="45" t="s">
        <v>445</v>
      </c>
      <c r="B43" s="168">
        <v>265</v>
      </c>
      <c r="C43" s="171">
        <v>0.17699999999999999</v>
      </c>
      <c r="D43" s="94">
        <v>4.7030900643346411E-2</v>
      </c>
      <c r="E43" s="171">
        <v>0.16900000000000001</v>
      </c>
      <c r="F43" s="94">
        <v>4.6221238504413155E-2</v>
      </c>
      <c r="G43" s="171">
        <v>0.65400000000000003</v>
      </c>
      <c r="H43" s="94">
        <v>5.8096710119404031E-2</v>
      </c>
      <c r="I43" s="168">
        <v>265</v>
      </c>
      <c r="J43" s="171">
        <v>0.39500000000000002</v>
      </c>
      <c r="K43" s="94">
        <v>5.9652082139255609E-2</v>
      </c>
      <c r="L43" s="171">
        <v>0.186</v>
      </c>
      <c r="M43" s="94">
        <v>4.7902382480810274E-2</v>
      </c>
      <c r="N43" s="171">
        <v>0.42</v>
      </c>
      <c r="O43" s="94">
        <v>6.0208919968723192E-2</v>
      </c>
    </row>
    <row r="44" spans="1:25">
      <c r="A44" s="49" t="s">
        <v>440</v>
      </c>
      <c r="B44" s="169">
        <v>93</v>
      </c>
      <c r="C44" s="172">
        <v>0.23499999999999999</v>
      </c>
      <c r="D44" s="97">
        <v>8.7448915278803857E-2</v>
      </c>
      <c r="E44" s="172">
        <v>0.193</v>
      </c>
      <c r="F44" s="97">
        <v>8.2077118129970608E-2</v>
      </c>
      <c r="G44" s="172">
        <v>0.57199999999999995</v>
      </c>
      <c r="H44" s="97">
        <v>0.10056228126123219</v>
      </c>
      <c r="I44" s="169">
        <v>93</v>
      </c>
      <c r="J44" s="172">
        <v>0.40300000000000002</v>
      </c>
      <c r="K44" s="97">
        <v>9.9762811491562478E-2</v>
      </c>
      <c r="L44" s="172">
        <v>0.17499999999999999</v>
      </c>
      <c r="M44" s="97">
        <v>7.9406750068630516E-2</v>
      </c>
      <c r="N44" s="172">
        <v>0.42099999999999999</v>
      </c>
      <c r="O44" s="97">
        <v>0.1003628692238524</v>
      </c>
    </row>
    <row r="45" spans="1:25">
      <c r="A45" s="45" t="s">
        <v>441</v>
      </c>
      <c r="B45" s="168">
        <v>81</v>
      </c>
      <c r="C45" s="171">
        <v>0.05</v>
      </c>
      <c r="D45" s="94">
        <v>5.5777026948308626E-2</v>
      </c>
      <c r="E45" s="171">
        <v>0.185</v>
      </c>
      <c r="F45" s="94">
        <v>8.67434585444012E-2</v>
      </c>
      <c r="G45" s="171">
        <v>0.76500000000000001</v>
      </c>
      <c r="H45" s="94">
        <v>9.3614703770614163E-2</v>
      </c>
      <c r="I45" s="168">
        <v>81</v>
      </c>
      <c r="J45" s="171">
        <v>0.436</v>
      </c>
      <c r="K45" s="94">
        <v>0.10765531819998148</v>
      </c>
      <c r="L45" s="171">
        <v>0.10100000000000001</v>
      </c>
      <c r="M45" s="94">
        <v>7.0437312198331506E-2</v>
      </c>
      <c r="N45" s="171">
        <v>0.46300000000000002</v>
      </c>
      <c r="O45" s="94">
        <v>0.10819520819297418</v>
      </c>
    </row>
    <row r="46" spans="1:25">
      <c r="A46" s="49" t="s">
        <v>442</v>
      </c>
      <c r="B46" s="169">
        <v>67</v>
      </c>
      <c r="C46" s="172">
        <v>0.25900000000000001</v>
      </c>
      <c r="D46" s="97">
        <v>0.10569128323034843</v>
      </c>
      <c r="E46" s="172">
        <v>0.17899999999999999</v>
      </c>
      <c r="F46" s="97">
        <v>9.4419562345876104E-2</v>
      </c>
      <c r="G46" s="172">
        <v>0.56200000000000006</v>
      </c>
      <c r="H46" s="97">
        <v>0.11786287712081732</v>
      </c>
      <c r="I46" s="169">
        <v>67</v>
      </c>
      <c r="J46" s="172">
        <v>0.251</v>
      </c>
      <c r="K46" s="97">
        <v>0.10475679107183977</v>
      </c>
      <c r="L46" s="172">
        <v>0.32</v>
      </c>
      <c r="M46" s="97">
        <v>0.11162004653277124</v>
      </c>
      <c r="N46" s="172">
        <v>0.42899999999999999</v>
      </c>
      <c r="O46" s="97">
        <v>0.11760784682070673</v>
      </c>
    </row>
    <row r="47" spans="1:25" ht="25.5">
      <c r="A47" s="45" t="s">
        <v>446</v>
      </c>
      <c r="B47" s="168">
        <v>91</v>
      </c>
      <c r="C47" s="171">
        <v>0.11600000000000001</v>
      </c>
      <c r="D47" s="94">
        <v>6.9494393421441869E-2</v>
      </c>
      <c r="E47" s="171">
        <v>0.20699999999999999</v>
      </c>
      <c r="F47" s="94">
        <v>8.4909410996736989E-2</v>
      </c>
      <c r="G47" s="171">
        <v>0.67700000000000005</v>
      </c>
      <c r="H47" s="94">
        <v>9.6519142330801444E-2</v>
      </c>
      <c r="I47" s="168">
        <v>91</v>
      </c>
      <c r="J47" s="171">
        <v>0.51900000000000002</v>
      </c>
      <c r="K47" s="94">
        <v>0.10252984366566284</v>
      </c>
      <c r="L47" s="171">
        <v>0.218</v>
      </c>
      <c r="M47" s="94">
        <v>8.6336373628294369E-2</v>
      </c>
      <c r="N47" s="171">
        <v>0.26300000000000001</v>
      </c>
      <c r="O47" s="94">
        <v>9.1412642604159433E-2</v>
      </c>
    </row>
    <row r="48" spans="1:25">
      <c r="A48" s="49" t="s">
        <v>447</v>
      </c>
      <c r="B48" s="169">
        <v>96</v>
      </c>
      <c r="C48" s="172">
        <v>0.20799999999999999</v>
      </c>
      <c r="D48" s="97">
        <v>8.2805965388974237E-2</v>
      </c>
      <c r="E48" s="172">
        <v>0.14299999999999999</v>
      </c>
      <c r="F48" s="97">
        <v>7.281291138252885E-2</v>
      </c>
      <c r="G48" s="172">
        <v>0.64900000000000002</v>
      </c>
      <c r="H48" s="97">
        <v>9.5820573657226654E-2</v>
      </c>
      <c r="I48" s="169">
        <v>96</v>
      </c>
      <c r="J48" s="172">
        <v>0.49</v>
      </c>
      <c r="K48" s="97">
        <v>9.998156630099371E-2</v>
      </c>
      <c r="L48" s="172">
        <v>0.221</v>
      </c>
      <c r="M48" s="97">
        <v>8.444210665301996E-2</v>
      </c>
      <c r="N48" s="172">
        <v>0.28799999999999998</v>
      </c>
      <c r="O48" s="97">
        <v>9.1341033407773525E-2</v>
      </c>
    </row>
    <row r="49" spans="1:15" ht="25.5">
      <c r="A49" s="45" t="s">
        <v>448</v>
      </c>
      <c r="B49" s="168">
        <v>127</v>
      </c>
      <c r="C49" s="171">
        <v>0.20200000000000001</v>
      </c>
      <c r="D49" s="94">
        <v>7.1309742368508469E-2</v>
      </c>
      <c r="E49" s="171">
        <v>0.22900000000000001</v>
      </c>
      <c r="F49" s="94">
        <v>7.4336859462554666E-2</v>
      </c>
      <c r="G49" s="171">
        <v>0.56899999999999995</v>
      </c>
      <c r="H49" s="94">
        <v>8.658496408606095E-2</v>
      </c>
      <c r="I49" s="168">
        <v>127</v>
      </c>
      <c r="J49" s="171">
        <v>0.626</v>
      </c>
      <c r="K49" s="94">
        <v>8.4722938624967548E-2</v>
      </c>
      <c r="L49" s="171">
        <v>0.14399999999999999</v>
      </c>
      <c r="M49" s="94">
        <v>6.3217893199657163E-2</v>
      </c>
      <c r="N49" s="171">
        <v>0.23</v>
      </c>
      <c r="O49" s="94">
        <v>7.4441214130451988E-2</v>
      </c>
    </row>
    <row r="50" spans="1:15">
      <c r="A50" s="49" t="s">
        <v>449</v>
      </c>
      <c r="B50" s="169">
        <v>75</v>
      </c>
      <c r="C50" s="172">
        <v>0.17199999999999999</v>
      </c>
      <c r="D50" s="97">
        <v>8.8026109495169994E-2</v>
      </c>
      <c r="E50" s="172">
        <v>0.249</v>
      </c>
      <c r="F50" s="97">
        <v>9.8909838232671507E-2</v>
      </c>
      <c r="G50" s="172">
        <v>0.57999999999999996</v>
      </c>
      <c r="H50" s="97">
        <v>0.11120324502114316</v>
      </c>
      <c r="I50" s="169">
        <v>76</v>
      </c>
      <c r="J50" s="172">
        <v>0.373</v>
      </c>
      <c r="K50" s="97">
        <v>0.10849967223452797</v>
      </c>
      <c r="L50" s="172">
        <v>0.27900000000000003</v>
      </c>
      <c r="M50" s="97">
        <v>0.10146945291564353</v>
      </c>
      <c r="N50" s="172">
        <v>0.34799999999999998</v>
      </c>
      <c r="O50" s="97">
        <v>0.10703939461712215</v>
      </c>
    </row>
    <row r="51" spans="1:15">
      <c r="A51" s="57" t="s">
        <v>450</v>
      </c>
      <c r="B51" s="168">
        <v>98</v>
      </c>
      <c r="C51" s="171">
        <v>0.34300000000000003</v>
      </c>
      <c r="D51" s="94">
        <v>9.4401384989652878E-2</v>
      </c>
      <c r="E51" s="171">
        <v>0.21099999999999999</v>
      </c>
      <c r="F51" s="94">
        <v>8.2343427710692058E-2</v>
      </c>
      <c r="G51" s="171">
        <v>0.44600000000000001</v>
      </c>
      <c r="H51" s="94">
        <v>9.8480260080988341E-2</v>
      </c>
      <c r="I51" s="168">
        <v>98</v>
      </c>
      <c r="J51" s="171">
        <v>0.53100000000000003</v>
      </c>
      <c r="K51" s="94">
        <v>9.8838925144706255E-2</v>
      </c>
      <c r="L51" s="171">
        <v>0.16500000000000001</v>
      </c>
      <c r="M51" s="94">
        <v>7.5771683188729039E-2</v>
      </c>
      <c r="N51" s="171">
        <v>0.30399999999999999</v>
      </c>
      <c r="O51" s="94">
        <v>9.1723784156992519E-2</v>
      </c>
    </row>
    <row r="52" spans="1:15">
      <c r="A52" s="49" t="s">
        <v>443</v>
      </c>
      <c r="B52" s="169">
        <v>63</v>
      </c>
      <c r="C52" s="172">
        <v>0.22500000000000001</v>
      </c>
      <c r="D52" s="97">
        <v>0.10456314323485172</v>
      </c>
      <c r="E52" s="172">
        <v>0.19500000000000001</v>
      </c>
      <c r="F52" s="97">
        <v>0.10007486649331608</v>
      </c>
      <c r="G52" s="172">
        <v>0.57999999999999996</v>
      </c>
      <c r="H52" s="97">
        <v>0.12077890687345959</v>
      </c>
      <c r="I52" s="169">
        <v>63</v>
      </c>
      <c r="J52" s="172">
        <v>0.58099999999999996</v>
      </c>
      <c r="K52" s="97">
        <v>0.12074371967137695</v>
      </c>
      <c r="L52" s="172">
        <v>0.14599999999999999</v>
      </c>
      <c r="M52" s="97">
        <v>9.1161802894701993E-2</v>
      </c>
      <c r="N52" s="172">
        <v>0.27300000000000002</v>
      </c>
      <c r="O52" s="97">
        <v>0.11047794491621769</v>
      </c>
    </row>
    <row r="53" spans="1:15">
      <c r="A53" s="57" t="s">
        <v>451</v>
      </c>
      <c r="B53" s="168">
        <v>121</v>
      </c>
      <c r="C53" s="171">
        <v>0.311</v>
      </c>
      <c r="D53" s="94">
        <v>8.3240099124592584E-2</v>
      </c>
      <c r="E53" s="171">
        <v>0.126</v>
      </c>
      <c r="F53" s="94">
        <v>6.1691576339335016E-2</v>
      </c>
      <c r="G53" s="171">
        <v>0.56200000000000006</v>
      </c>
      <c r="H53" s="94">
        <v>8.8796050316486477E-2</v>
      </c>
      <c r="I53" s="168">
        <v>122</v>
      </c>
      <c r="J53" s="171">
        <v>0.48599999999999999</v>
      </c>
      <c r="K53" s="94">
        <v>8.9054334567122695E-2</v>
      </c>
      <c r="L53" s="171">
        <v>0.10299999999999999</v>
      </c>
      <c r="M53" s="94">
        <v>5.6970914502062805E-2</v>
      </c>
      <c r="N53" s="171">
        <v>0.41099999999999998</v>
      </c>
      <c r="O53" s="94">
        <v>8.775397386519497E-2</v>
      </c>
    </row>
    <row r="61" spans="1:15" ht="18.75">
      <c r="A61" s="316" t="s">
        <v>264</v>
      </c>
      <c r="B61" s="316"/>
      <c r="C61" s="316"/>
      <c r="D61" s="316"/>
    </row>
    <row r="62" spans="1:15" ht="112.5" customHeight="1">
      <c r="A62" s="382" t="s">
        <v>314</v>
      </c>
      <c r="B62" s="382"/>
      <c r="C62" s="382"/>
      <c r="D62" s="382"/>
    </row>
    <row r="63" spans="1:15" ht="39" customHeight="1">
      <c r="A63" s="364" t="s">
        <v>265</v>
      </c>
      <c r="B63" s="364"/>
      <c r="C63" s="364"/>
      <c r="D63" s="364"/>
    </row>
    <row r="64" spans="1:15" ht="39" customHeight="1">
      <c r="A64" s="37" t="s">
        <v>85</v>
      </c>
      <c r="B64" s="38" t="s">
        <v>86</v>
      </c>
      <c r="C64" s="39" t="s">
        <v>87</v>
      </c>
      <c r="D64" s="40" t="s">
        <v>88</v>
      </c>
    </row>
    <row r="65" spans="1:4" ht="72">
      <c r="A65" s="41"/>
      <c r="B65" s="42" t="s">
        <v>89</v>
      </c>
      <c r="C65" s="126" t="s">
        <v>153</v>
      </c>
      <c r="D65" s="44" t="s">
        <v>91</v>
      </c>
    </row>
    <row r="66" spans="1:4">
      <c r="A66" s="45" t="s">
        <v>435</v>
      </c>
      <c r="B66" s="173">
        <v>8617</v>
      </c>
      <c r="C66" s="84">
        <v>2.95</v>
      </c>
      <c r="D66" s="85">
        <v>3.9199999999999999E-2</v>
      </c>
    </row>
    <row r="67" spans="1:4">
      <c r="A67" s="49" t="s">
        <v>436</v>
      </c>
      <c r="B67" s="49">
        <v>7922</v>
      </c>
      <c r="C67" s="176">
        <v>2.9209130000000001</v>
      </c>
      <c r="D67" s="177">
        <v>3.6213352000000004E-2</v>
      </c>
    </row>
    <row r="68" spans="1:4">
      <c r="A68" s="45" t="s">
        <v>437</v>
      </c>
      <c r="B68" s="53">
        <v>777</v>
      </c>
      <c r="C68" s="84">
        <v>2.64</v>
      </c>
      <c r="D68" s="85">
        <v>0.1176</v>
      </c>
    </row>
    <row r="69" spans="1:4">
      <c r="A69" s="49" t="s">
        <v>438</v>
      </c>
      <c r="B69" s="49">
        <v>891</v>
      </c>
      <c r="C69" s="176">
        <v>2.65</v>
      </c>
      <c r="D69" s="177">
        <v>9.8000000000000004E-2</v>
      </c>
    </row>
    <row r="70" spans="1:4">
      <c r="A70" s="45" t="s">
        <v>439</v>
      </c>
      <c r="B70" s="53">
        <v>831</v>
      </c>
      <c r="C70" s="84">
        <v>2.67</v>
      </c>
      <c r="D70" s="85">
        <v>0.1176</v>
      </c>
    </row>
    <row r="71" spans="1:4">
      <c r="A71" s="49" t="s">
        <v>444</v>
      </c>
      <c r="B71" s="49">
        <v>19</v>
      </c>
      <c r="C71" s="176">
        <v>2.2400000000000002</v>
      </c>
      <c r="D71" s="177">
        <v>0.60760000000000003</v>
      </c>
    </row>
    <row r="72" spans="1:4">
      <c r="A72" s="45" t="s">
        <v>445</v>
      </c>
      <c r="B72" s="53">
        <v>264</v>
      </c>
      <c r="C72" s="84">
        <v>2.65</v>
      </c>
      <c r="D72" s="85">
        <v>0.19600000000000001</v>
      </c>
    </row>
    <row r="73" spans="1:4">
      <c r="A73" s="49" t="s">
        <v>440</v>
      </c>
      <c r="B73" s="49">
        <v>92</v>
      </c>
      <c r="C73" s="176">
        <v>2.64</v>
      </c>
      <c r="D73" s="177">
        <v>0.3332</v>
      </c>
    </row>
    <row r="74" spans="1:4">
      <c r="A74" s="45" t="s">
        <v>441</v>
      </c>
      <c r="B74" s="53">
        <v>81</v>
      </c>
      <c r="C74" s="84">
        <v>2.82</v>
      </c>
      <c r="D74" s="85">
        <v>0.3332</v>
      </c>
    </row>
    <row r="75" spans="1:4">
      <c r="A75" s="49" t="s">
        <v>442</v>
      </c>
      <c r="B75" s="49">
        <v>67</v>
      </c>
      <c r="C75" s="176">
        <v>2.31</v>
      </c>
      <c r="D75" s="177">
        <v>0.37240000000000001</v>
      </c>
    </row>
    <row r="76" spans="1:4" ht="25.5">
      <c r="A76" s="45" t="s">
        <v>446</v>
      </c>
      <c r="B76" s="173">
        <v>91</v>
      </c>
      <c r="C76" s="84">
        <v>2.89</v>
      </c>
      <c r="D76" s="85">
        <v>0.3332</v>
      </c>
    </row>
    <row r="77" spans="1:4">
      <c r="A77" s="49" t="s">
        <v>447</v>
      </c>
      <c r="B77" s="175">
        <v>96</v>
      </c>
      <c r="C77" s="176">
        <v>2.64</v>
      </c>
      <c r="D77" s="177">
        <v>0.3332</v>
      </c>
    </row>
    <row r="78" spans="1:4" ht="25.5">
      <c r="A78" s="45" t="s">
        <v>448</v>
      </c>
      <c r="B78" s="83">
        <v>127</v>
      </c>
      <c r="C78" s="84">
        <v>2.74</v>
      </c>
      <c r="D78" s="85">
        <v>0.27440000000000003</v>
      </c>
    </row>
    <row r="79" spans="1:4">
      <c r="A79" s="49" t="s">
        <v>449</v>
      </c>
      <c r="B79" s="175">
        <v>76</v>
      </c>
      <c r="C79" s="176">
        <v>2.56</v>
      </c>
      <c r="D79" s="177">
        <v>0.3528</v>
      </c>
    </row>
    <row r="80" spans="1:4">
      <c r="A80" s="57" t="s">
        <v>450</v>
      </c>
      <c r="B80" s="173">
        <v>98</v>
      </c>
      <c r="C80" s="84">
        <v>2.63</v>
      </c>
      <c r="D80" s="85">
        <v>0.31359999999999999</v>
      </c>
    </row>
    <row r="81" spans="1:30">
      <c r="A81" s="49" t="s">
        <v>443</v>
      </c>
      <c r="B81" s="175">
        <v>63</v>
      </c>
      <c r="C81" s="176">
        <v>2.86</v>
      </c>
      <c r="D81" s="177">
        <v>0.37240000000000001</v>
      </c>
    </row>
    <row r="82" spans="1:30">
      <c r="A82" s="57" t="s">
        <v>451</v>
      </c>
      <c r="B82" s="173">
        <v>122</v>
      </c>
      <c r="C82" s="84">
        <v>2.46</v>
      </c>
      <c r="D82" s="85">
        <v>0.27440000000000003</v>
      </c>
    </row>
    <row r="83" spans="1:30">
      <c r="P83" s="256"/>
      <c r="Q83" s="256"/>
      <c r="R83" s="256"/>
      <c r="S83" s="256"/>
      <c r="T83" s="256"/>
      <c r="U83" s="256"/>
      <c r="V83" s="256"/>
      <c r="W83" s="256"/>
      <c r="X83" s="256"/>
      <c r="Y83" s="256"/>
      <c r="Z83" s="256"/>
      <c r="AA83" s="256"/>
      <c r="AB83" s="256"/>
      <c r="AC83" s="256"/>
      <c r="AD83" s="256"/>
    </row>
    <row r="84" spans="1:30">
      <c r="P84" s="256"/>
      <c r="Q84" s="256"/>
      <c r="R84" s="256"/>
      <c r="S84" s="256"/>
      <c r="T84" s="256"/>
      <c r="U84" s="256"/>
      <c r="V84" s="256"/>
      <c r="W84" s="256"/>
      <c r="X84" s="256"/>
      <c r="Y84" s="256"/>
      <c r="Z84" s="256"/>
      <c r="AA84" s="256"/>
      <c r="AB84" s="256"/>
      <c r="AC84" s="256"/>
      <c r="AD84" s="256"/>
    </row>
    <row r="85" spans="1:30">
      <c r="P85" s="256"/>
      <c r="Q85" s="256"/>
      <c r="R85" s="256"/>
      <c r="S85" s="256"/>
      <c r="T85" s="256"/>
      <c r="U85" s="256"/>
      <c r="V85" s="256"/>
      <c r="W85" s="256"/>
      <c r="X85" s="256"/>
      <c r="Y85" s="256"/>
      <c r="Z85" s="256"/>
      <c r="AA85" s="256"/>
      <c r="AB85" s="256"/>
      <c r="AC85" s="256"/>
      <c r="AD85" s="256"/>
    </row>
    <row r="86" spans="1:30">
      <c r="P86" s="256"/>
      <c r="Q86" s="256"/>
      <c r="R86" s="256"/>
      <c r="S86" s="256"/>
      <c r="T86" s="256"/>
      <c r="U86" s="256"/>
      <c r="V86" s="256"/>
      <c r="W86" s="256"/>
      <c r="X86" s="256"/>
      <c r="Y86" s="256"/>
      <c r="Z86" s="256"/>
      <c r="AA86" s="256"/>
      <c r="AB86" s="256"/>
      <c r="AC86" s="256"/>
      <c r="AD86" s="256"/>
    </row>
    <row r="87" spans="1:30">
      <c r="P87" s="256"/>
      <c r="Q87" s="256"/>
      <c r="R87" s="256"/>
      <c r="S87" s="256"/>
      <c r="T87" s="256"/>
      <c r="U87" s="256"/>
      <c r="V87" s="256"/>
      <c r="W87" s="256"/>
      <c r="X87" s="256"/>
      <c r="Y87" s="256"/>
      <c r="Z87" s="256"/>
      <c r="AA87" s="256"/>
      <c r="AB87" s="256"/>
      <c r="AC87" s="256"/>
      <c r="AD87" s="256"/>
    </row>
    <row r="88" spans="1:30">
      <c r="P88" s="256"/>
      <c r="Q88" s="256"/>
      <c r="R88" s="256"/>
      <c r="S88" s="256"/>
      <c r="T88" s="256"/>
      <c r="U88" s="256"/>
      <c r="V88" s="256"/>
      <c r="W88" s="256"/>
      <c r="X88" s="256"/>
      <c r="Y88" s="256"/>
      <c r="Z88" s="256"/>
      <c r="AA88" s="256"/>
      <c r="AB88" s="256"/>
      <c r="AC88" s="256"/>
      <c r="AD88" s="256"/>
    </row>
    <row r="89" spans="1:30">
      <c r="P89" s="256"/>
      <c r="Q89" s="256"/>
      <c r="R89" s="256"/>
      <c r="S89" s="256"/>
      <c r="T89" s="256"/>
      <c r="U89" s="256"/>
      <c r="V89" s="256"/>
      <c r="W89" s="256"/>
      <c r="X89" s="256"/>
      <c r="Y89" s="256"/>
      <c r="Z89" s="256"/>
      <c r="AA89" s="256"/>
      <c r="AB89" s="256"/>
      <c r="AC89" s="256"/>
      <c r="AD89" s="256"/>
    </row>
    <row r="90" spans="1:30" ht="18.75">
      <c r="A90" s="324" t="s">
        <v>47</v>
      </c>
      <c r="B90" s="324"/>
      <c r="C90" s="324"/>
      <c r="D90" s="324"/>
      <c r="E90" s="324"/>
      <c r="F90" s="324"/>
      <c r="G90" s="324"/>
      <c r="H90" s="324"/>
      <c r="I90" s="324"/>
      <c r="J90" s="324"/>
      <c r="K90" s="324"/>
      <c r="L90" s="324"/>
      <c r="M90" s="324"/>
      <c r="N90" s="324"/>
      <c r="O90" s="324"/>
      <c r="P90" s="226"/>
      <c r="Q90" s="226"/>
      <c r="R90" s="226"/>
      <c r="S90" s="226"/>
      <c r="T90" s="226"/>
      <c r="U90" s="226"/>
      <c r="V90" s="226"/>
      <c r="W90" s="226"/>
      <c r="X90" s="226"/>
      <c r="Y90" s="226"/>
      <c r="Z90" s="226"/>
      <c r="AA90" s="226"/>
      <c r="AB90" s="226"/>
      <c r="AC90" s="226"/>
      <c r="AD90" s="256"/>
    </row>
    <row r="91" spans="1:30" ht="65.25" customHeight="1">
      <c r="A91" s="384" t="s">
        <v>315</v>
      </c>
      <c r="B91" s="384"/>
      <c r="C91" s="384"/>
      <c r="D91" s="384"/>
      <c r="E91" s="384"/>
      <c r="F91" s="384"/>
      <c r="G91" s="384"/>
      <c r="H91" s="384"/>
      <c r="I91" s="384"/>
      <c r="J91" s="384"/>
      <c r="K91" s="384"/>
      <c r="L91" s="384"/>
      <c r="M91" s="384"/>
      <c r="N91" s="384"/>
      <c r="O91" s="384"/>
      <c r="P91" s="252"/>
      <c r="Q91" s="252"/>
      <c r="R91" s="252"/>
      <c r="S91" s="252"/>
      <c r="T91" s="252"/>
      <c r="U91" s="252"/>
      <c r="V91" s="252"/>
      <c r="W91" s="252"/>
      <c r="X91" s="252"/>
      <c r="Y91" s="252"/>
      <c r="Z91" s="252"/>
      <c r="AA91" s="252"/>
      <c r="AB91" s="252"/>
      <c r="AC91" s="252"/>
      <c r="AD91" s="256"/>
    </row>
    <row r="92" spans="1:30" ht="38.25" customHeight="1">
      <c r="A92" s="64"/>
      <c r="B92" s="362" t="s">
        <v>241</v>
      </c>
      <c r="C92" s="362"/>
      <c r="D92" s="362"/>
      <c r="E92" s="362"/>
      <c r="F92" s="362"/>
      <c r="G92" s="362"/>
      <c r="H92" s="362"/>
      <c r="I92" s="362" t="s">
        <v>242</v>
      </c>
      <c r="J92" s="362"/>
      <c r="K92" s="362"/>
      <c r="L92" s="362"/>
      <c r="M92" s="362"/>
      <c r="N92" s="362"/>
      <c r="O92" s="362"/>
    </row>
    <row r="93" spans="1:30" ht="72">
      <c r="A93" s="37" t="s">
        <v>85</v>
      </c>
      <c r="B93" s="38" t="s">
        <v>86</v>
      </c>
      <c r="C93" s="38" t="s">
        <v>203</v>
      </c>
      <c r="D93" s="89" t="s">
        <v>154</v>
      </c>
      <c r="E93" s="38" t="s">
        <v>204</v>
      </c>
      <c r="F93" s="89" t="s">
        <v>155</v>
      </c>
      <c r="G93" s="38" t="s">
        <v>205</v>
      </c>
      <c r="H93" s="89" t="s">
        <v>156</v>
      </c>
      <c r="I93" s="65" t="s">
        <v>86</v>
      </c>
      <c r="J93" s="65" t="s">
        <v>203</v>
      </c>
      <c r="K93" s="88" t="s">
        <v>154</v>
      </c>
      <c r="L93" s="65" t="s">
        <v>204</v>
      </c>
      <c r="M93" s="88" t="s">
        <v>155</v>
      </c>
      <c r="N93" s="65" t="s">
        <v>205</v>
      </c>
      <c r="O93" s="88" t="s">
        <v>156</v>
      </c>
    </row>
    <row r="94" spans="1:30" ht="72">
      <c r="A94" s="41"/>
      <c r="B94" s="42" t="s">
        <v>89</v>
      </c>
      <c r="C94" s="42" t="s">
        <v>181</v>
      </c>
      <c r="D94" s="91" t="s">
        <v>104</v>
      </c>
      <c r="E94" s="42" t="s">
        <v>182</v>
      </c>
      <c r="F94" s="91" t="s">
        <v>104</v>
      </c>
      <c r="G94" s="42" t="s">
        <v>183</v>
      </c>
      <c r="H94" s="91" t="s">
        <v>104</v>
      </c>
      <c r="I94" s="68" t="s">
        <v>89</v>
      </c>
      <c r="J94" s="68" t="s">
        <v>181</v>
      </c>
      <c r="K94" s="90" t="s">
        <v>104</v>
      </c>
      <c r="L94" s="68" t="s">
        <v>182</v>
      </c>
      <c r="M94" s="90" t="s">
        <v>104</v>
      </c>
      <c r="N94" s="68" t="s">
        <v>183</v>
      </c>
      <c r="O94" s="90" t="s">
        <v>104</v>
      </c>
    </row>
    <row r="95" spans="1:30">
      <c r="A95" s="45" t="s">
        <v>435</v>
      </c>
      <c r="B95" s="173">
        <v>8564</v>
      </c>
      <c r="C95" s="178">
        <v>0.64300000000000002</v>
      </c>
      <c r="D95" s="94">
        <v>1.0352563855930568E-2</v>
      </c>
      <c r="E95" s="178">
        <v>8.2000000000000003E-2</v>
      </c>
      <c r="F95" s="94">
        <v>5.9345599913928392E-3</v>
      </c>
      <c r="G95" s="178">
        <v>0.27500000000000002</v>
      </c>
      <c r="H95" s="94">
        <v>9.6488839108659491E-3</v>
      </c>
      <c r="I95" s="173">
        <v>8575</v>
      </c>
      <c r="J95" s="178">
        <v>0.623</v>
      </c>
      <c r="K95" s="94">
        <v>1.0465004033900629E-2</v>
      </c>
      <c r="L95" s="178">
        <v>9.9000000000000005E-2</v>
      </c>
      <c r="M95" s="94">
        <v>6.4544062888594756E-3</v>
      </c>
      <c r="N95" s="178">
        <v>0.27900000000000003</v>
      </c>
      <c r="O95" s="94">
        <v>9.6856895190340735E-3</v>
      </c>
    </row>
    <row r="96" spans="1:30">
      <c r="A96" s="49" t="s">
        <v>436</v>
      </c>
      <c r="B96" s="175">
        <v>7972</v>
      </c>
      <c r="C96" s="179">
        <v>0.62339999999999995</v>
      </c>
      <c r="D96" s="97">
        <v>1.0851133399942283E-2</v>
      </c>
      <c r="E96" s="179">
        <v>0.1008</v>
      </c>
      <c r="F96" s="97">
        <v>6.7480507263889171E-3</v>
      </c>
      <c r="G96" s="179">
        <v>0.27579999999999999</v>
      </c>
      <c r="H96" s="97">
        <v>1.0009643400605403E-2</v>
      </c>
      <c r="I96" s="175">
        <v>7963</v>
      </c>
      <c r="J96" s="179">
        <v>0.65549999999999997</v>
      </c>
      <c r="K96" s="97">
        <v>1.0648462088641538E-2</v>
      </c>
      <c r="L96" s="179">
        <v>7.5700000000000003E-2</v>
      </c>
      <c r="M96" s="97">
        <v>5.9346781356819272E-3</v>
      </c>
      <c r="N96" s="179">
        <v>0.26879999999999998</v>
      </c>
      <c r="O96" s="97">
        <v>9.9351536580892571E-3</v>
      </c>
    </row>
    <row r="97" spans="1:15">
      <c r="A97" s="45" t="s">
        <v>437</v>
      </c>
      <c r="B97" s="173">
        <v>772</v>
      </c>
      <c r="C97" s="178">
        <v>0.76060000000000005</v>
      </c>
      <c r="D97" s="94">
        <v>3.0695206228583287E-2</v>
      </c>
      <c r="E97" s="178">
        <v>7.4899999999999994E-2</v>
      </c>
      <c r="F97" s="94">
        <v>1.9150540122356226E-2</v>
      </c>
      <c r="G97" s="178">
        <v>0.16450000000000001</v>
      </c>
      <c r="H97" s="94">
        <v>2.6728606840815954E-2</v>
      </c>
      <c r="I97" s="173">
        <v>775</v>
      </c>
      <c r="J97" s="178">
        <v>0.64800000000000002</v>
      </c>
      <c r="K97" s="94">
        <v>3.4239987228942073E-2</v>
      </c>
      <c r="L97" s="178">
        <v>8.3000000000000004E-2</v>
      </c>
      <c r="M97" s="94">
        <v>1.9998996329259174E-2</v>
      </c>
      <c r="N97" s="178">
        <v>0.26900000000000002</v>
      </c>
      <c r="O97" s="94">
        <v>3.1819903020326883E-2</v>
      </c>
    </row>
    <row r="98" spans="1:15">
      <c r="A98" s="49" t="s">
        <v>438</v>
      </c>
      <c r="B98" s="175">
        <v>888</v>
      </c>
      <c r="C98" s="179">
        <v>0.71799999999999997</v>
      </c>
      <c r="D98" s="97">
        <v>3.0164070670949294E-2</v>
      </c>
      <c r="E98" s="179">
        <v>7.4999999999999997E-2</v>
      </c>
      <c r="F98" s="97">
        <v>1.7842273951994666E-2</v>
      </c>
      <c r="G98" s="179">
        <v>0.20699999999999999</v>
      </c>
      <c r="H98" s="97">
        <v>2.7194633130148835E-2</v>
      </c>
      <c r="I98" s="175">
        <v>886</v>
      </c>
      <c r="J98" s="179">
        <v>0.67900000000000005</v>
      </c>
      <c r="K98" s="97">
        <v>3.1319044124029971E-2</v>
      </c>
      <c r="L98" s="179">
        <v>8.8999999999999996E-2</v>
      </c>
      <c r="M98" s="97">
        <v>1.9266782137070039E-2</v>
      </c>
      <c r="N98" s="179">
        <v>0.23200000000000001</v>
      </c>
      <c r="O98" s="97">
        <v>2.834935809130391E-2</v>
      </c>
    </row>
    <row r="99" spans="1:15">
      <c r="A99" s="45" t="s">
        <v>439</v>
      </c>
      <c r="B99" s="173">
        <v>826</v>
      </c>
      <c r="C99" s="178">
        <v>0.66600000000000004</v>
      </c>
      <c r="D99" s="94">
        <v>3.2761199501408433E-2</v>
      </c>
      <c r="E99" s="178">
        <v>9.7000000000000003E-2</v>
      </c>
      <c r="F99" s="94">
        <v>2.0728028394451481E-2</v>
      </c>
      <c r="G99" s="178">
        <v>0.23699999999999999</v>
      </c>
      <c r="H99" s="94">
        <v>2.9574988022218477E-2</v>
      </c>
      <c r="I99" s="173">
        <v>828</v>
      </c>
      <c r="J99" s="178">
        <v>0.71599999999999997</v>
      </c>
      <c r="K99" s="94">
        <v>3.1301230083214761E-2</v>
      </c>
      <c r="L99" s="178">
        <v>6.8000000000000005E-2</v>
      </c>
      <c r="M99" s="94">
        <v>1.7700248250241121E-2</v>
      </c>
      <c r="N99" s="178">
        <v>0.216</v>
      </c>
      <c r="O99" s="94">
        <v>2.8598486561152429E-2</v>
      </c>
    </row>
    <row r="100" spans="1:15">
      <c r="A100" s="49" t="s">
        <v>444</v>
      </c>
      <c r="B100" s="175">
        <v>19</v>
      </c>
      <c r="C100" s="179">
        <v>0.77500000000000002</v>
      </c>
      <c r="D100" s="97">
        <v>0.185749720923198</v>
      </c>
      <c r="E100" s="179">
        <v>0</v>
      </c>
      <c r="F100" s="97">
        <v>0.11750676951168283</v>
      </c>
      <c r="G100" s="179">
        <v>0.22500000000000001</v>
      </c>
      <c r="H100" s="97">
        <v>0.185749720923198</v>
      </c>
      <c r="I100" s="175">
        <v>19</v>
      </c>
      <c r="J100" s="179">
        <v>0.88500000000000001</v>
      </c>
      <c r="K100" s="97">
        <v>0.16089334622161175</v>
      </c>
      <c r="L100" s="179">
        <v>0</v>
      </c>
      <c r="M100" s="97">
        <v>0.11750676951168283</v>
      </c>
      <c r="N100" s="179">
        <v>0.115</v>
      </c>
      <c r="O100" s="97">
        <v>0.1608933462216118</v>
      </c>
    </row>
    <row r="101" spans="1:15">
      <c r="A101" s="45" t="s">
        <v>445</v>
      </c>
      <c r="B101" s="173">
        <v>263</v>
      </c>
      <c r="C101" s="178">
        <v>0.71499999999999997</v>
      </c>
      <c r="D101" s="94">
        <v>5.543828016076309E-2</v>
      </c>
      <c r="E101" s="178">
        <v>6.0999999999999999E-2</v>
      </c>
      <c r="F101" s="94">
        <v>3.0724133900485572E-2</v>
      </c>
      <c r="G101" s="178">
        <v>0.223</v>
      </c>
      <c r="H101" s="94">
        <v>5.1283565832327876E-2</v>
      </c>
      <c r="I101" s="173">
        <v>263</v>
      </c>
      <c r="J101" s="178">
        <v>0.68600000000000005</v>
      </c>
      <c r="K101" s="94">
        <v>5.6942420433682188E-2</v>
      </c>
      <c r="L101" s="178">
        <v>0.11799999999999999</v>
      </c>
      <c r="M101" s="94">
        <v>4.0301393310595082E-2</v>
      </c>
      <c r="N101" s="178">
        <v>0.19600000000000001</v>
      </c>
      <c r="O101" s="94">
        <v>4.9010016099789562E-2</v>
      </c>
    </row>
    <row r="102" spans="1:15">
      <c r="A102" s="49" t="s">
        <v>440</v>
      </c>
      <c r="B102" s="175">
        <v>92</v>
      </c>
      <c r="C102" s="179">
        <v>0.754</v>
      </c>
      <c r="D102" s="97">
        <v>8.9150697882127497E-2</v>
      </c>
      <c r="E102" s="179">
        <v>6.3E-2</v>
      </c>
      <c r="F102" s="97">
        <v>5.5757488260380614E-2</v>
      </c>
      <c r="G102" s="179">
        <v>0.183</v>
      </c>
      <c r="H102" s="97">
        <v>8.1063407091786513E-2</v>
      </c>
      <c r="I102" s="175">
        <v>92</v>
      </c>
      <c r="J102" s="179">
        <v>0.60599999999999998</v>
      </c>
      <c r="K102" s="97">
        <v>9.9933483375378426E-2</v>
      </c>
      <c r="L102" s="179">
        <v>0.20599999999999999</v>
      </c>
      <c r="M102" s="97">
        <v>8.4315117639128037E-2</v>
      </c>
      <c r="N102" s="179">
        <v>0.188</v>
      </c>
      <c r="O102" s="97">
        <v>8.1802353266883468E-2</v>
      </c>
    </row>
    <row r="103" spans="1:15">
      <c r="A103" s="45" t="s">
        <v>441</v>
      </c>
      <c r="B103" s="173">
        <v>81</v>
      </c>
      <c r="C103" s="178">
        <v>0.70899999999999996</v>
      </c>
      <c r="D103" s="94">
        <v>9.9488910391364635E-2</v>
      </c>
      <c r="E103" s="178">
        <v>6.9000000000000006E-2</v>
      </c>
      <c r="F103" s="94">
        <v>6.1857907153301958E-2</v>
      </c>
      <c r="G103" s="178">
        <v>0.223</v>
      </c>
      <c r="H103" s="94">
        <v>9.2118244740357333E-2</v>
      </c>
      <c r="I103" s="173">
        <v>80</v>
      </c>
      <c r="J103" s="178">
        <v>0.67400000000000004</v>
      </c>
      <c r="K103" s="94">
        <v>0.10294214175013534</v>
      </c>
      <c r="L103" s="178">
        <v>5.0999999999999997E-2</v>
      </c>
      <c r="M103" s="94">
        <v>5.6544104199153233E-2</v>
      </c>
      <c r="N103" s="178">
        <v>0.27500000000000002</v>
      </c>
      <c r="O103" s="94">
        <v>9.8580794191764895E-2</v>
      </c>
    </row>
    <row r="104" spans="1:15">
      <c r="A104" s="49" t="s">
        <v>442</v>
      </c>
      <c r="B104" s="175">
        <v>66</v>
      </c>
      <c r="C104" s="179">
        <v>0.746</v>
      </c>
      <c r="D104" s="97">
        <v>0.10588471116411961</v>
      </c>
      <c r="E104" s="179">
        <v>6.8000000000000005E-2</v>
      </c>
      <c r="F104" s="97">
        <v>6.9321228516465785E-2</v>
      </c>
      <c r="G104" s="179">
        <v>0.186</v>
      </c>
      <c r="H104" s="97">
        <v>9.6317975822129406E-2</v>
      </c>
      <c r="I104" s="175">
        <v>67</v>
      </c>
      <c r="J104" s="179">
        <v>0.81</v>
      </c>
      <c r="K104" s="97">
        <v>9.6245914541021396E-2</v>
      </c>
      <c r="L104" s="179">
        <v>3.5000000000000003E-2</v>
      </c>
      <c r="M104" s="97">
        <v>5.6892331164381825E-2</v>
      </c>
      <c r="N104" s="179">
        <v>0.155</v>
      </c>
      <c r="O104" s="97">
        <v>9.0073048733481889E-2</v>
      </c>
    </row>
    <row r="105" spans="1:15" ht="25.5">
      <c r="A105" s="45" t="s">
        <v>446</v>
      </c>
      <c r="B105" s="173">
        <v>90</v>
      </c>
      <c r="C105" s="178">
        <v>0.68600000000000005</v>
      </c>
      <c r="D105" s="94">
        <v>9.6378176854572201E-2</v>
      </c>
      <c r="E105" s="178">
        <v>0.16900000000000001</v>
      </c>
      <c r="F105" s="94">
        <v>7.9777603161008848E-2</v>
      </c>
      <c r="G105" s="178">
        <v>0.14499999999999999</v>
      </c>
      <c r="H105" s="94">
        <v>7.5645401516294675E-2</v>
      </c>
      <c r="I105" s="173">
        <v>91</v>
      </c>
      <c r="J105" s="178">
        <v>0.56599999999999995</v>
      </c>
      <c r="K105" s="94">
        <v>0.10177438381132529</v>
      </c>
      <c r="L105" s="178">
        <v>6.8000000000000005E-2</v>
      </c>
      <c r="M105" s="94">
        <v>5.7586858263340569E-2</v>
      </c>
      <c r="N105" s="178">
        <v>0.36499999999999999</v>
      </c>
      <c r="O105" s="94">
        <v>9.910705038233264E-2</v>
      </c>
    </row>
    <row r="106" spans="1:15">
      <c r="A106" s="49" t="s">
        <v>447</v>
      </c>
      <c r="B106" s="175">
        <v>96</v>
      </c>
      <c r="C106" s="179">
        <v>0.70599999999999996</v>
      </c>
      <c r="D106" s="97">
        <v>9.1845736406215406E-2</v>
      </c>
      <c r="E106" s="179">
        <v>6.9000000000000006E-2</v>
      </c>
      <c r="F106" s="97">
        <v>5.6143623823191185E-2</v>
      </c>
      <c r="G106" s="179">
        <v>0.22500000000000001</v>
      </c>
      <c r="H106" s="97">
        <v>8.4924437001371991E-2</v>
      </c>
      <c r="I106" s="175">
        <v>96</v>
      </c>
      <c r="J106" s="179">
        <v>0.73099999999999998</v>
      </c>
      <c r="K106" s="97">
        <v>8.9626447525270117E-2</v>
      </c>
      <c r="L106" s="179">
        <v>4.5999999999999999E-2</v>
      </c>
      <c r="M106" s="97">
        <v>4.9007548153320223E-2</v>
      </c>
      <c r="N106" s="179">
        <v>0.223</v>
      </c>
      <c r="O106" s="97">
        <v>8.4684485851896155E-2</v>
      </c>
    </row>
    <row r="107" spans="1:15" ht="25.5">
      <c r="A107" s="45" t="s">
        <v>448</v>
      </c>
      <c r="B107" s="173">
        <v>127</v>
      </c>
      <c r="C107" s="178">
        <v>0.67400000000000004</v>
      </c>
      <c r="D107" s="94">
        <v>8.2247938010743801E-2</v>
      </c>
      <c r="E107" s="178">
        <v>7.0999999999999994E-2</v>
      </c>
      <c r="F107" s="94">
        <v>4.8496967730057475E-2</v>
      </c>
      <c r="G107" s="178">
        <v>0.255</v>
      </c>
      <c r="H107" s="94">
        <v>7.6882915790618636E-2</v>
      </c>
      <c r="I107" s="173">
        <v>127</v>
      </c>
      <c r="J107" s="178">
        <v>0.67800000000000005</v>
      </c>
      <c r="K107" s="94">
        <v>8.2001928909297431E-2</v>
      </c>
      <c r="L107" s="178">
        <v>6.4000000000000001E-2</v>
      </c>
      <c r="M107" s="94">
        <v>4.6671069441223081E-2</v>
      </c>
      <c r="N107" s="178">
        <v>0.25800000000000001</v>
      </c>
      <c r="O107" s="94">
        <v>7.7155108083313981E-2</v>
      </c>
    </row>
    <row r="108" spans="1:15">
      <c r="A108" s="49" t="s">
        <v>449</v>
      </c>
      <c r="B108" s="175">
        <v>76</v>
      </c>
      <c r="C108" s="179">
        <v>0.68400000000000005</v>
      </c>
      <c r="D108" s="97">
        <v>0.10474849879592546</v>
      </c>
      <c r="E108" s="179">
        <v>9.8000000000000004E-2</v>
      </c>
      <c r="F108" s="97">
        <v>7.2163837896830299E-2</v>
      </c>
      <c r="G108" s="179">
        <v>0.217</v>
      </c>
      <c r="H108" s="97">
        <v>9.4265496736610901E-2</v>
      </c>
      <c r="I108" s="175">
        <v>74</v>
      </c>
      <c r="J108" s="179">
        <v>0.77100000000000002</v>
      </c>
      <c r="K108" s="97">
        <v>9.7111691321790997E-2</v>
      </c>
      <c r="L108" s="179">
        <v>7.9000000000000001E-2</v>
      </c>
      <c r="M108" s="97">
        <v>6.8114325867803277E-2</v>
      </c>
      <c r="N108" s="179">
        <v>0.14899999999999999</v>
      </c>
      <c r="O108" s="97">
        <v>8.4462402498966582E-2</v>
      </c>
    </row>
    <row r="109" spans="1:15">
      <c r="A109" s="57" t="s">
        <v>450</v>
      </c>
      <c r="B109" s="173">
        <v>97</v>
      </c>
      <c r="C109" s="178">
        <v>0.70799999999999996</v>
      </c>
      <c r="D109" s="94">
        <v>9.1217288842402766E-2</v>
      </c>
      <c r="E109" s="178">
        <v>4.3999999999999997E-2</v>
      </c>
      <c r="F109" s="94">
        <v>4.801321438355665E-2</v>
      </c>
      <c r="G109" s="178">
        <v>0.248</v>
      </c>
      <c r="H109" s="94">
        <v>8.7070340393365087E-2</v>
      </c>
      <c r="I109" s="173">
        <v>95</v>
      </c>
      <c r="J109" s="178">
        <v>0.67300000000000004</v>
      </c>
      <c r="K109" s="94">
        <v>9.480243068158116E-2</v>
      </c>
      <c r="L109" s="178">
        <v>0.11799999999999999</v>
      </c>
      <c r="M109" s="94">
        <v>6.8351326360325454E-2</v>
      </c>
      <c r="N109" s="178">
        <v>0.20799999999999999</v>
      </c>
      <c r="O109" s="94">
        <v>8.3239177808351578E-2</v>
      </c>
    </row>
    <row r="110" spans="1:15">
      <c r="A110" s="49" t="s">
        <v>443</v>
      </c>
      <c r="B110" s="175">
        <v>63</v>
      </c>
      <c r="C110" s="179">
        <v>0.68300000000000005</v>
      </c>
      <c r="D110" s="97">
        <v>0.11470671824826113</v>
      </c>
      <c r="E110" s="179">
        <v>2.3E-2</v>
      </c>
      <c r="F110" s="97">
        <v>5.3991523607378612E-2</v>
      </c>
      <c r="G110" s="179">
        <v>0.29399999999999998</v>
      </c>
      <c r="H110" s="97">
        <v>0.11262929069172203</v>
      </c>
      <c r="I110" s="175">
        <v>61</v>
      </c>
      <c r="J110" s="179">
        <v>0.60099999999999998</v>
      </c>
      <c r="K110" s="97">
        <v>0.12178565702751713</v>
      </c>
      <c r="L110" s="179">
        <v>0.11600000000000001</v>
      </c>
      <c r="M110" s="97">
        <v>8.5981757462236991E-2</v>
      </c>
      <c r="N110" s="179">
        <v>0.28299999999999997</v>
      </c>
      <c r="O110" s="97">
        <v>0.11328065732742486</v>
      </c>
    </row>
    <row r="111" spans="1:15">
      <c r="A111" s="57" t="s">
        <v>451</v>
      </c>
      <c r="B111" s="173">
        <v>122</v>
      </c>
      <c r="C111" s="178">
        <v>0.86199999999999999</v>
      </c>
      <c r="D111" s="94">
        <v>6.3532065755842609E-2</v>
      </c>
      <c r="E111" s="178">
        <v>5.5E-2</v>
      </c>
      <c r="F111" s="94">
        <v>4.5197430813516355E-2</v>
      </c>
      <c r="G111" s="178">
        <v>8.3000000000000004E-2</v>
      </c>
      <c r="H111" s="94">
        <v>5.2546675929192446E-2</v>
      </c>
      <c r="I111" s="173">
        <v>122</v>
      </c>
      <c r="J111" s="178">
        <v>0.628</v>
      </c>
      <c r="K111" s="94">
        <v>8.630689832469185E-2</v>
      </c>
      <c r="L111" s="178">
        <v>0.10299999999999999</v>
      </c>
      <c r="M111" s="94">
        <v>5.6970914502062805E-2</v>
      </c>
      <c r="N111" s="178">
        <v>0.26800000000000002</v>
      </c>
      <c r="O111" s="94">
        <v>7.9590051310837087E-2</v>
      </c>
    </row>
    <row r="119" spans="1:28" ht="18.75">
      <c r="A119" s="324" t="s">
        <v>266</v>
      </c>
      <c r="B119" s="324"/>
      <c r="C119" s="324"/>
      <c r="D119" s="324"/>
      <c r="E119" s="324"/>
      <c r="F119" s="324"/>
      <c r="G119" s="324"/>
      <c r="H119" s="324"/>
      <c r="I119" s="324"/>
      <c r="J119" s="324"/>
      <c r="K119" s="324"/>
      <c r="L119" s="324"/>
      <c r="M119" s="226"/>
      <c r="N119" s="226"/>
      <c r="O119" s="226"/>
      <c r="P119" s="226"/>
      <c r="Q119" s="226"/>
      <c r="R119" s="226"/>
      <c r="S119" s="226"/>
      <c r="T119" s="226"/>
      <c r="U119" s="226"/>
      <c r="V119" s="226"/>
      <c r="W119" s="226"/>
      <c r="X119" s="226"/>
      <c r="Y119" s="226"/>
      <c r="Z119" s="226"/>
      <c r="AA119" s="226"/>
      <c r="AB119" s="256"/>
    </row>
    <row r="120" spans="1:28" ht="39.75" customHeight="1">
      <c r="A120" s="381" t="s">
        <v>485</v>
      </c>
      <c r="B120" s="381"/>
      <c r="C120" s="381"/>
      <c r="D120" s="381"/>
      <c r="E120" s="381"/>
      <c r="F120" s="381"/>
      <c r="G120" s="381"/>
      <c r="H120" s="381"/>
      <c r="I120" s="381"/>
      <c r="J120" s="381"/>
      <c r="K120" s="381"/>
      <c r="L120" s="381"/>
      <c r="M120" s="252"/>
      <c r="N120" s="252"/>
      <c r="O120" s="252"/>
      <c r="P120" s="252"/>
      <c r="Q120" s="252"/>
      <c r="R120" s="252"/>
      <c r="S120" s="252"/>
      <c r="T120" s="252"/>
      <c r="U120" s="252"/>
      <c r="V120" s="252"/>
      <c r="W120" s="252"/>
      <c r="X120" s="252"/>
      <c r="Y120" s="252"/>
      <c r="Z120" s="252"/>
      <c r="AA120" s="252"/>
      <c r="AB120" s="256"/>
    </row>
    <row r="121" spans="1:28" ht="38.25" customHeight="1">
      <c r="A121" s="379" t="s">
        <v>267</v>
      </c>
      <c r="B121" s="380"/>
      <c r="C121" s="380"/>
      <c r="D121" s="380"/>
      <c r="E121" s="380"/>
      <c r="F121" s="380"/>
      <c r="G121" s="380"/>
      <c r="H121" s="380"/>
      <c r="I121" s="380"/>
      <c r="J121" s="380"/>
      <c r="K121" s="380"/>
      <c r="L121" s="380"/>
      <c r="M121" s="247"/>
      <c r="N121" s="256"/>
      <c r="O121" s="256"/>
      <c r="P121" s="256"/>
      <c r="Q121" s="256"/>
      <c r="R121" s="256"/>
      <c r="S121" s="256"/>
      <c r="T121" s="256"/>
      <c r="U121" s="256"/>
      <c r="V121" s="256"/>
      <c r="W121" s="256"/>
      <c r="X121" s="256"/>
      <c r="Y121" s="256"/>
      <c r="Z121" s="256"/>
      <c r="AA121" s="256"/>
      <c r="AB121" s="256"/>
    </row>
    <row r="122" spans="1:28" ht="72">
      <c r="A122" s="37" t="s">
        <v>85</v>
      </c>
      <c r="B122" s="38" t="s">
        <v>86</v>
      </c>
      <c r="C122" s="39" t="s">
        <v>87</v>
      </c>
      <c r="D122" s="40" t="s">
        <v>88</v>
      </c>
      <c r="E122" s="38" t="s">
        <v>268</v>
      </c>
      <c r="F122" s="89" t="s">
        <v>322</v>
      </c>
      <c r="G122" s="38" t="s">
        <v>269</v>
      </c>
      <c r="H122" s="89" t="s">
        <v>323</v>
      </c>
      <c r="I122" s="38" t="s">
        <v>384</v>
      </c>
      <c r="J122" s="89" t="s">
        <v>324</v>
      </c>
      <c r="K122" s="38" t="s">
        <v>356</v>
      </c>
      <c r="L122" s="89" t="s">
        <v>355</v>
      </c>
      <c r="M122" s="247"/>
      <c r="N122" s="255"/>
      <c r="O122" s="247"/>
      <c r="P122" s="255"/>
      <c r="Q122" s="247"/>
    </row>
    <row r="123" spans="1:28" ht="72">
      <c r="A123" s="41"/>
      <c r="B123" s="42" t="s">
        <v>89</v>
      </c>
      <c r="C123" s="126" t="s">
        <v>359</v>
      </c>
      <c r="D123" s="44" t="s">
        <v>91</v>
      </c>
      <c r="E123" s="42" t="s">
        <v>181</v>
      </c>
      <c r="F123" s="91" t="s">
        <v>104</v>
      </c>
      <c r="G123" s="42" t="s">
        <v>182</v>
      </c>
      <c r="H123" s="91" t="s">
        <v>104</v>
      </c>
      <c r="I123" s="42" t="s">
        <v>183</v>
      </c>
      <c r="J123" s="91" t="s">
        <v>104</v>
      </c>
      <c r="K123" s="42" t="s">
        <v>356</v>
      </c>
      <c r="L123" s="91" t="s">
        <v>104</v>
      </c>
    </row>
    <row r="124" spans="1:28">
      <c r="A124" s="45" t="s">
        <v>435</v>
      </c>
      <c r="B124" s="173">
        <v>10998</v>
      </c>
      <c r="C124" s="174">
        <v>5.18</v>
      </c>
      <c r="D124" s="85">
        <v>1.9599999999999999E-2</v>
      </c>
      <c r="E124" s="178">
        <v>0.122</v>
      </c>
      <c r="F124" s="94">
        <v>6.2435533845204179E-3</v>
      </c>
      <c r="G124" s="178">
        <v>0.159</v>
      </c>
      <c r="H124" s="94">
        <v>6.9747391938981785E-3</v>
      </c>
      <c r="I124" s="178">
        <v>0.69599999999999995</v>
      </c>
      <c r="J124" s="94">
        <v>8.7713057149752891E-3</v>
      </c>
      <c r="K124" s="93">
        <v>2.1999999999999999E-2</v>
      </c>
      <c r="L124" s="94">
        <v>2.8076627800380362E-3</v>
      </c>
    </row>
    <row r="125" spans="1:28">
      <c r="A125" s="49" t="s">
        <v>436</v>
      </c>
      <c r="B125" s="175">
        <v>8704</v>
      </c>
      <c r="C125" s="176">
        <v>5.18</v>
      </c>
      <c r="D125" s="177">
        <v>3.0241232E-2</v>
      </c>
      <c r="E125" s="179">
        <v>0.13600000000000001</v>
      </c>
      <c r="F125" s="97">
        <v>7.350584723771033E-3</v>
      </c>
      <c r="G125" s="179">
        <v>0.14299999999999999</v>
      </c>
      <c r="H125" s="97">
        <v>7.5064834914501275E-3</v>
      </c>
      <c r="I125" s="179">
        <v>0.70899999999999996</v>
      </c>
      <c r="J125" s="97">
        <v>9.7360460509007974E-3</v>
      </c>
      <c r="K125" s="96">
        <v>1.2E-2</v>
      </c>
      <c r="L125" s="97">
        <v>2.3551009506040999E-3</v>
      </c>
    </row>
    <row r="126" spans="1:28">
      <c r="A126" s="45" t="s">
        <v>437</v>
      </c>
      <c r="B126" s="173">
        <v>1985</v>
      </c>
      <c r="C126" s="174">
        <v>5.1100000000000003</v>
      </c>
      <c r="D126" s="85">
        <v>5.8799999999999998E-2</v>
      </c>
      <c r="E126" s="178">
        <v>0.11020000000000001</v>
      </c>
      <c r="F126" s="94">
        <v>1.4086316035216383E-2</v>
      </c>
      <c r="G126" s="178">
        <v>0.18759999999999999</v>
      </c>
      <c r="H126" s="94">
        <v>1.7529598858582702E-2</v>
      </c>
      <c r="I126" s="178">
        <v>0.66069999999999995</v>
      </c>
      <c r="J126" s="94">
        <v>2.1237685032857008E-2</v>
      </c>
      <c r="K126" s="93">
        <v>4.1500000000000002E-2</v>
      </c>
      <c r="L126" s="94">
        <v>9.0384841972558465E-3</v>
      </c>
    </row>
    <row r="127" spans="1:28">
      <c r="A127" s="49" t="s">
        <v>438</v>
      </c>
      <c r="B127" s="175">
        <v>1258</v>
      </c>
      <c r="C127" s="176">
        <v>5.0999999999999996</v>
      </c>
      <c r="D127" s="177">
        <v>7.8399999999999997E-2</v>
      </c>
      <c r="E127" s="179">
        <v>0.13300000000000001</v>
      </c>
      <c r="F127" s="97">
        <v>1.9188237605128455E-2</v>
      </c>
      <c r="G127" s="179">
        <v>0.17100000000000001</v>
      </c>
      <c r="H127" s="97">
        <v>2.1248217443621903E-2</v>
      </c>
      <c r="I127" s="179">
        <v>0.68</v>
      </c>
      <c r="J127" s="97">
        <v>2.6274490516568945E-2</v>
      </c>
      <c r="K127" s="96">
        <v>1.4999999999999999E-2</v>
      </c>
      <c r="L127" s="97">
        <v>7.179774834057441E-3</v>
      </c>
    </row>
    <row r="128" spans="1:28">
      <c r="A128" s="45" t="s">
        <v>439</v>
      </c>
      <c r="B128" s="173">
        <v>899</v>
      </c>
      <c r="C128" s="174">
        <v>5.09</v>
      </c>
      <c r="D128" s="85">
        <v>9.8000000000000004E-2</v>
      </c>
      <c r="E128" s="178">
        <v>0.152</v>
      </c>
      <c r="F128" s="94">
        <v>2.3993957096856092E-2</v>
      </c>
      <c r="G128" s="178">
        <v>0.152</v>
      </c>
      <c r="H128" s="94">
        <v>2.3993957096856092E-2</v>
      </c>
      <c r="I128" s="178">
        <v>0.68500000000000005</v>
      </c>
      <c r="J128" s="94">
        <v>3.0937907303436447E-2</v>
      </c>
      <c r="K128" s="93">
        <v>0.01</v>
      </c>
      <c r="L128" s="94">
        <v>7.2976339944076773E-3</v>
      </c>
    </row>
    <row r="129" spans="1:15">
      <c r="A129" s="49" t="s">
        <v>444</v>
      </c>
      <c r="B129" s="175">
        <v>102</v>
      </c>
      <c r="C129" s="176">
        <v>5.13</v>
      </c>
      <c r="D129" s="177">
        <v>0.27440000000000003</v>
      </c>
      <c r="E129" s="179">
        <v>9.1999999999999998E-2</v>
      </c>
      <c r="F129" s="97">
        <v>6.0145194436837482E-2</v>
      </c>
      <c r="G129" s="179">
        <v>0.17199999999999999</v>
      </c>
      <c r="H129" s="97">
        <v>7.5331305518972186E-2</v>
      </c>
      <c r="I129" s="179">
        <v>0.69299999999999995</v>
      </c>
      <c r="J129" s="97">
        <v>9.0179946505126549E-2</v>
      </c>
      <c r="K129" s="96">
        <v>4.2000000000000003E-2</v>
      </c>
      <c r="L129" s="97">
        <v>4.5874538727547737E-2</v>
      </c>
    </row>
    <row r="130" spans="1:15">
      <c r="A130" s="45" t="s">
        <v>445</v>
      </c>
      <c r="B130" s="173">
        <v>304</v>
      </c>
      <c r="C130" s="174">
        <v>5.1100000000000003</v>
      </c>
      <c r="D130" s="85">
        <v>0.15679999999999999</v>
      </c>
      <c r="E130" s="178">
        <v>0.13900000000000001</v>
      </c>
      <c r="F130" s="94">
        <v>3.9974339297103159E-2</v>
      </c>
      <c r="G130" s="178">
        <v>0.17199999999999999</v>
      </c>
      <c r="H130" s="94">
        <v>4.3423652095852985E-2</v>
      </c>
      <c r="I130" s="178">
        <v>0.66600000000000004</v>
      </c>
      <c r="J130" s="94">
        <v>5.3834172099686356E-2</v>
      </c>
      <c r="K130" s="93">
        <v>2.1999999999999999E-2</v>
      </c>
      <c r="L130" s="94">
        <v>1.8868001038848892E-2</v>
      </c>
    </row>
    <row r="131" spans="1:15">
      <c r="A131" s="49" t="s">
        <v>440</v>
      </c>
      <c r="B131" s="175">
        <v>105</v>
      </c>
      <c r="C131" s="176">
        <v>4.8</v>
      </c>
      <c r="D131" s="177">
        <v>0.25480000000000003</v>
      </c>
      <c r="E131" s="179">
        <v>0.13200000000000001</v>
      </c>
      <c r="F131" s="97">
        <v>6.754760530528367E-2</v>
      </c>
      <c r="G131" s="179">
        <v>0.20699999999999999</v>
      </c>
      <c r="H131" s="97">
        <v>7.9062449412714161E-2</v>
      </c>
      <c r="I131" s="179">
        <v>0.58899999999999997</v>
      </c>
      <c r="J131" s="97">
        <v>9.4364059921487831E-2</v>
      </c>
      <c r="K131" s="96">
        <v>7.1999999999999995E-2</v>
      </c>
      <c r="L131" s="97">
        <v>5.4187579590143073E-2</v>
      </c>
    </row>
    <row r="132" spans="1:15">
      <c r="A132" s="45" t="s">
        <v>441</v>
      </c>
      <c r="B132" s="173">
        <v>96</v>
      </c>
      <c r="C132" s="174">
        <v>5.91</v>
      </c>
      <c r="D132" s="85">
        <v>0.23519999999999999</v>
      </c>
      <c r="E132" s="178">
        <v>3.3000000000000002E-2</v>
      </c>
      <c r="F132" s="94">
        <v>4.4276033065305212E-2</v>
      </c>
      <c r="G132" s="178">
        <v>0.126</v>
      </c>
      <c r="H132" s="94">
        <v>6.9596056899798572E-2</v>
      </c>
      <c r="I132" s="178">
        <v>0.84</v>
      </c>
      <c r="J132" s="94">
        <v>7.5753030302424196E-2</v>
      </c>
      <c r="K132" s="93">
        <v>1E-3</v>
      </c>
      <c r="L132" s="94">
        <v>2.8650080907390123E-2</v>
      </c>
    </row>
    <row r="133" spans="1:15">
      <c r="A133" s="49" t="s">
        <v>442</v>
      </c>
      <c r="B133" s="175">
        <v>80</v>
      </c>
      <c r="C133" s="176">
        <v>4.8499999999999996</v>
      </c>
      <c r="D133" s="177">
        <v>0.3332</v>
      </c>
      <c r="E133" s="179">
        <v>0.17599999999999999</v>
      </c>
      <c r="F133" s="97">
        <v>8.5852496280480362E-2</v>
      </c>
      <c r="G133" s="179">
        <v>0.218</v>
      </c>
      <c r="H133" s="97">
        <v>9.2032444526270463E-2</v>
      </c>
      <c r="I133" s="179">
        <v>0.60499999999999998</v>
      </c>
      <c r="J133" s="97">
        <v>0.10690449676496976</v>
      </c>
      <c r="K133" s="96">
        <v>0</v>
      </c>
      <c r="L133" s="97">
        <v>3.326848242884628E-2</v>
      </c>
    </row>
    <row r="134" spans="1:15" ht="25.5">
      <c r="A134" s="45" t="s">
        <v>446</v>
      </c>
      <c r="B134" s="173">
        <v>117</v>
      </c>
      <c r="C134" s="174">
        <v>4.87</v>
      </c>
      <c r="D134" s="85">
        <v>0.27440000000000003</v>
      </c>
      <c r="E134" s="178">
        <v>0.219</v>
      </c>
      <c r="F134" s="94">
        <v>7.6314545195234285E-2</v>
      </c>
      <c r="G134" s="178">
        <v>0.13400000000000001</v>
      </c>
      <c r="H134" s="94">
        <v>6.4219202360015895E-2</v>
      </c>
      <c r="I134" s="178">
        <v>0.63600000000000001</v>
      </c>
      <c r="J134" s="94">
        <v>8.7708507311126643E-2</v>
      </c>
      <c r="K134" s="93">
        <v>1.0999999999999999E-2</v>
      </c>
      <c r="L134" s="94">
        <v>2.9557248731728568E-2</v>
      </c>
    </row>
    <row r="135" spans="1:15">
      <c r="A135" s="49" t="s">
        <v>447</v>
      </c>
      <c r="B135" s="175">
        <v>106</v>
      </c>
      <c r="C135" s="176">
        <v>5.3</v>
      </c>
      <c r="D135" s="177">
        <v>0.27440000000000003</v>
      </c>
      <c r="E135" s="179">
        <v>5.7000000000000002E-2</v>
      </c>
      <c r="F135" s="97">
        <v>4.9640215271504938E-2</v>
      </c>
      <c r="G135" s="179">
        <v>0.115</v>
      </c>
      <c r="H135" s="97">
        <v>6.3920120605188299E-2</v>
      </c>
      <c r="I135" s="179">
        <v>0.82899999999999996</v>
      </c>
      <c r="J135" s="97">
        <v>7.3728727380662509E-2</v>
      </c>
      <c r="K135" s="96">
        <v>0</v>
      </c>
      <c r="L135" s="97">
        <v>2.5478147263468021E-2</v>
      </c>
    </row>
    <row r="136" spans="1:15" ht="25.5">
      <c r="A136" s="45" t="s">
        <v>448</v>
      </c>
      <c r="B136" s="173">
        <v>147</v>
      </c>
      <c r="C136" s="174">
        <v>5.12</v>
      </c>
      <c r="D136" s="85">
        <v>0.21559999999999999</v>
      </c>
      <c r="E136" s="178">
        <v>0.17</v>
      </c>
      <c r="F136" s="94">
        <v>6.2358314893582817E-2</v>
      </c>
      <c r="G136" s="178">
        <v>0.11700000000000001</v>
      </c>
      <c r="H136" s="94">
        <v>5.4220464237298364E-2</v>
      </c>
      <c r="I136" s="178">
        <v>0.71299999999999997</v>
      </c>
      <c r="J136" s="94">
        <v>7.4050782491269257E-2</v>
      </c>
      <c r="K136" s="93">
        <v>0</v>
      </c>
      <c r="L136" s="94">
        <v>1.8606843582156651E-2</v>
      </c>
    </row>
    <row r="137" spans="1:15">
      <c r="A137" s="49" t="s">
        <v>449</v>
      </c>
      <c r="B137" s="175">
        <v>195</v>
      </c>
      <c r="C137" s="176">
        <v>5.0599999999999996</v>
      </c>
      <c r="D137" s="177">
        <v>0.21559999999999999</v>
      </c>
      <c r="E137" s="179">
        <v>0.122</v>
      </c>
      <c r="F137" s="97">
        <v>4.7617055124274665E-2</v>
      </c>
      <c r="G137" s="179">
        <v>0.215</v>
      </c>
      <c r="H137" s="97">
        <v>5.8799977656999937E-2</v>
      </c>
      <c r="I137" s="179">
        <v>0.64900000000000002</v>
      </c>
      <c r="J137" s="97">
        <v>6.7798479495270736E-2</v>
      </c>
      <c r="K137" s="96">
        <v>1.2999999999999999E-2</v>
      </c>
      <c r="L137" s="97">
        <v>2.1157275960538759E-2</v>
      </c>
    </row>
    <row r="138" spans="1:15">
      <c r="A138" s="57" t="s">
        <v>450</v>
      </c>
      <c r="B138" s="173">
        <v>135</v>
      </c>
      <c r="C138" s="174">
        <v>5.44</v>
      </c>
      <c r="D138" s="85">
        <v>0.23519999999999999</v>
      </c>
      <c r="E138" s="178">
        <v>9.4E-2</v>
      </c>
      <c r="F138" s="94">
        <v>5.2152091068867326E-2</v>
      </c>
      <c r="G138" s="178">
        <v>0.152</v>
      </c>
      <c r="H138" s="94">
        <v>6.2505418795119491E-2</v>
      </c>
      <c r="I138" s="178">
        <v>0.73899999999999999</v>
      </c>
      <c r="J138" s="94">
        <v>7.512468998789136E-2</v>
      </c>
      <c r="K138" s="93">
        <v>1.4E-2</v>
      </c>
      <c r="L138" s="94">
        <v>2.7978623422335768E-2</v>
      </c>
    </row>
    <row r="139" spans="1:15">
      <c r="A139" s="49" t="s">
        <v>443</v>
      </c>
      <c r="B139" s="175">
        <v>76</v>
      </c>
      <c r="C139" s="176">
        <v>5.65</v>
      </c>
      <c r="D139" s="177">
        <v>0.3332</v>
      </c>
      <c r="E139" s="179">
        <v>0.13300000000000001</v>
      </c>
      <c r="F139" s="97">
        <v>8.0138373298938387E-2</v>
      </c>
      <c r="G139" s="179">
        <v>6.6000000000000003E-2</v>
      </c>
      <c r="H139" s="97">
        <v>6.3248996039462949E-2</v>
      </c>
      <c r="I139" s="179">
        <v>0.80100000000000005</v>
      </c>
      <c r="J139" s="97">
        <v>9.1714938123513987E-2</v>
      </c>
      <c r="K139" s="96">
        <v>0</v>
      </c>
      <c r="L139" s="97">
        <v>3.4910600109422353E-2</v>
      </c>
    </row>
    <row r="140" spans="1:15">
      <c r="A140" s="57" t="s">
        <v>451</v>
      </c>
      <c r="B140" s="173">
        <v>152</v>
      </c>
      <c r="C140" s="174">
        <v>4.8</v>
      </c>
      <c r="D140" s="85">
        <v>0.27440000000000003</v>
      </c>
      <c r="E140" s="178">
        <v>0.187</v>
      </c>
      <c r="F140" s="94">
        <v>6.3446048222734155E-2</v>
      </c>
      <c r="G140" s="178">
        <v>0.218</v>
      </c>
      <c r="H140" s="94">
        <v>6.6891007755342291E-2</v>
      </c>
      <c r="I140" s="178">
        <v>0.58899999999999997</v>
      </c>
      <c r="J140" s="94">
        <v>7.8850718639742773E-2</v>
      </c>
      <c r="K140" s="93">
        <v>6.0000000000000001E-3</v>
      </c>
      <c r="L140" s="94">
        <v>2.1672517290292001E-2</v>
      </c>
    </row>
    <row r="141" spans="1:15" s="248" customFormat="1">
      <c r="A141" s="241"/>
      <c r="B141" s="254"/>
      <c r="C141" s="255"/>
      <c r="D141" s="247"/>
      <c r="E141" s="255"/>
      <c r="F141" s="247"/>
      <c r="G141" s="255"/>
      <c r="H141" s="247"/>
      <c r="I141"/>
      <c r="J141"/>
      <c r="K141"/>
      <c r="L141"/>
      <c r="M141"/>
      <c r="N141"/>
      <c r="O141"/>
    </row>
    <row r="142" spans="1:15" s="248" customFormat="1">
      <c r="A142" s="241"/>
      <c r="B142" s="254"/>
      <c r="C142" s="255"/>
      <c r="D142" s="247"/>
      <c r="E142" s="255"/>
      <c r="F142" s="247"/>
      <c r="G142" s="255"/>
      <c r="H142" s="247"/>
      <c r="I142"/>
      <c r="J142"/>
      <c r="K142"/>
      <c r="L142"/>
      <c r="M142"/>
      <c r="N142"/>
      <c r="O142"/>
    </row>
    <row r="143" spans="1:15" s="248" customFormat="1">
      <c r="A143" s="241"/>
      <c r="B143" s="254"/>
      <c r="C143" s="255"/>
      <c r="D143" s="247"/>
      <c r="E143" s="255"/>
      <c r="F143" s="247"/>
      <c r="G143" s="255"/>
      <c r="H143" s="247"/>
      <c r="I143"/>
      <c r="J143"/>
      <c r="K143"/>
      <c r="L143"/>
      <c r="M143"/>
      <c r="N143"/>
      <c r="O143"/>
    </row>
    <row r="144" spans="1:15" s="248" customFormat="1">
      <c r="A144" s="241"/>
      <c r="B144" s="254"/>
      <c r="C144" s="255"/>
      <c r="D144" s="247"/>
      <c r="E144" s="255"/>
      <c r="F144" s="247"/>
      <c r="G144" s="255"/>
      <c r="H144" s="247"/>
      <c r="I144"/>
      <c r="J144"/>
      <c r="K144"/>
      <c r="L144"/>
      <c r="M144"/>
      <c r="N144"/>
      <c r="O144"/>
    </row>
    <row r="145" spans="1:15" s="248" customFormat="1">
      <c r="A145" s="241"/>
      <c r="B145" s="254"/>
      <c r="C145" s="255"/>
      <c r="D145" s="247"/>
      <c r="E145" s="255"/>
      <c r="F145" s="247"/>
      <c r="G145" s="255"/>
      <c r="H145" s="247"/>
      <c r="I145"/>
      <c r="J145"/>
      <c r="K145"/>
      <c r="L145"/>
      <c r="M145"/>
      <c r="N145"/>
      <c r="O145"/>
    </row>
    <row r="146" spans="1:15" s="248" customFormat="1">
      <c r="A146" s="241"/>
      <c r="B146" s="254"/>
      <c r="C146" s="255"/>
      <c r="D146" s="247"/>
      <c r="E146" s="255"/>
      <c r="F146" s="247"/>
      <c r="G146" s="255"/>
      <c r="H146" s="247"/>
      <c r="I146"/>
      <c r="J146"/>
      <c r="K146"/>
      <c r="L146"/>
      <c r="M146"/>
      <c r="N146"/>
      <c r="O146"/>
    </row>
    <row r="147" spans="1:15" s="248" customFormat="1">
      <c r="A147" s="241"/>
      <c r="B147" s="254"/>
      <c r="C147" s="255"/>
      <c r="D147" s="247"/>
      <c r="E147" s="255"/>
      <c r="F147" s="247"/>
      <c r="G147" s="255"/>
      <c r="H147" s="247"/>
      <c r="I147"/>
      <c r="J147"/>
      <c r="K147"/>
      <c r="L147"/>
      <c r="M147"/>
      <c r="N147"/>
      <c r="O147"/>
    </row>
    <row r="148" spans="1:15" ht="18.75">
      <c r="A148" s="324" t="s">
        <v>30</v>
      </c>
      <c r="B148" s="324"/>
      <c r="C148" s="324"/>
      <c r="D148" s="324"/>
      <c r="E148" s="324"/>
      <c r="F148" s="324"/>
      <c r="G148" s="324"/>
      <c r="H148" s="324"/>
      <c r="I148" s="324"/>
      <c r="J148" s="324"/>
    </row>
    <row r="149" spans="1:15" ht="66" customHeight="1">
      <c r="A149" s="381" t="s">
        <v>385</v>
      </c>
      <c r="B149" s="381"/>
      <c r="C149" s="381"/>
      <c r="D149" s="381"/>
      <c r="E149" s="381"/>
      <c r="F149" s="381"/>
      <c r="G149" s="381"/>
      <c r="H149" s="381"/>
      <c r="I149" s="381"/>
      <c r="J149" s="381"/>
    </row>
    <row r="150" spans="1:15" ht="36" customHeight="1">
      <c r="A150" s="322" t="s">
        <v>244</v>
      </c>
      <c r="B150" s="323"/>
      <c r="C150" s="323"/>
      <c r="D150" s="323"/>
      <c r="E150" s="323"/>
      <c r="F150" s="323"/>
      <c r="G150" s="323"/>
      <c r="H150" s="323"/>
      <c r="I150" s="323"/>
      <c r="J150" s="323"/>
    </row>
    <row r="151" spans="1:15" ht="37.5" customHeight="1">
      <c r="A151" s="108" t="s">
        <v>85</v>
      </c>
      <c r="B151" s="38" t="s">
        <v>86</v>
      </c>
      <c r="C151" s="39" t="s">
        <v>87</v>
      </c>
      <c r="D151" s="40" t="s">
        <v>88</v>
      </c>
      <c r="E151" s="38" t="s">
        <v>243</v>
      </c>
      <c r="F151" s="89" t="s">
        <v>157</v>
      </c>
      <c r="G151" s="38" t="s">
        <v>158</v>
      </c>
      <c r="H151" s="89" t="s">
        <v>159</v>
      </c>
      <c r="I151" s="38" t="s">
        <v>386</v>
      </c>
      <c r="J151" s="89" t="s">
        <v>387</v>
      </c>
    </row>
    <row r="152" spans="1:15" ht="72">
      <c r="A152" s="109"/>
      <c r="B152" s="42" t="s">
        <v>89</v>
      </c>
      <c r="C152" s="126" t="s">
        <v>361</v>
      </c>
      <c r="D152" s="44" t="s">
        <v>91</v>
      </c>
      <c r="E152" s="42" t="s">
        <v>206</v>
      </c>
      <c r="F152" s="91" t="s">
        <v>104</v>
      </c>
      <c r="G152" s="42" t="s">
        <v>207</v>
      </c>
      <c r="H152" s="91" t="s">
        <v>104</v>
      </c>
      <c r="I152" s="42" t="s">
        <v>208</v>
      </c>
      <c r="J152" s="91" t="s">
        <v>104</v>
      </c>
    </row>
    <row r="153" spans="1:15">
      <c r="A153" s="45" t="s">
        <v>435</v>
      </c>
      <c r="B153" s="180">
        <v>8594</v>
      </c>
      <c r="C153" s="174">
        <v>3.51</v>
      </c>
      <c r="D153" s="85">
        <v>3.9199999999999999E-2</v>
      </c>
      <c r="E153" s="181">
        <v>0.52400000000000002</v>
      </c>
      <c r="F153" s="94">
        <v>1.0772112034339211E-2</v>
      </c>
      <c r="G153" s="181">
        <v>8.8999999999999996E-2</v>
      </c>
      <c r="H153" s="94">
        <v>6.1476042724389751E-3</v>
      </c>
      <c r="I153" s="181">
        <v>0.38700000000000001</v>
      </c>
      <c r="J153" s="94">
        <v>1.0505769483237995E-2</v>
      </c>
    </row>
    <row r="154" spans="1:15">
      <c r="A154" s="49" t="s">
        <v>436</v>
      </c>
      <c r="B154" s="49">
        <v>7992</v>
      </c>
      <c r="C154" s="176">
        <v>3.5379999999999998</v>
      </c>
      <c r="D154" s="177">
        <v>4.8744808000000001E-2</v>
      </c>
      <c r="E154" s="183">
        <v>0.51670000000000005</v>
      </c>
      <c r="F154" s="97">
        <v>1.1176902793613721E-2</v>
      </c>
      <c r="G154" s="183">
        <v>9.0499999999999997E-2</v>
      </c>
      <c r="H154" s="97">
        <v>6.4233457614908005E-3</v>
      </c>
      <c r="I154" s="183">
        <v>0.39279999999999998</v>
      </c>
      <c r="J154" s="97">
        <v>1.0923345966325047E-2</v>
      </c>
    </row>
    <row r="155" spans="1:15">
      <c r="A155" s="45" t="s">
        <v>437</v>
      </c>
      <c r="B155" s="53">
        <v>774</v>
      </c>
      <c r="C155" s="174">
        <v>2.84</v>
      </c>
      <c r="D155" s="85">
        <v>0.15679999999999999</v>
      </c>
      <c r="E155" s="181">
        <v>0.66269999999999996</v>
      </c>
      <c r="F155" s="94">
        <v>3.392114010610444E-2</v>
      </c>
      <c r="G155" s="181">
        <v>9.1899999999999996E-2</v>
      </c>
      <c r="H155" s="94">
        <v>2.0924953285398413E-2</v>
      </c>
      <c r="I155" s="181">
        <v>0.24540000000000001</v>
      </c>
      <c r="J155" s="94">
        <v>3.0911073050025682E-2</v>
      </c>
    </row>
    <row r="156" spans="1:15">
      <c r="A156" s="49" t="s">
        <v>438</v>
      </c>
      <c r="B156" s="49">
        <v>889</v>
      </c>
      <c r="C156" s="176">
        <v>3.27</v>
      </c>
      <c r="D156" s="177">
        <v>0.13720000000000002</v>
      </c>
      <c r="E156" s="183">
        <v>0.57499999999999996</v>
      </c>
      <c r="F156" s="97">
        <v>3.3088518767918691E-2</v>
      </c>
      <c r="G156" s="183">
        <v>8.5999999999999993E-2</v>
      </c>
      <c r="H156" s="97">
        <v>1.8946027378228852E-2</v>
      </c>
      <c r="I156" s="183">
        <v>0.33900000000000002</v>
      </c>
      <c r="J156" s="97">
        <v>3.1697809909982076E-2</v>
      </c>
    </row>
    <row r="157" spans="1:15">
      <c r="A157" s="45" t="s">
        <v>439</v>
      </c>
      <c r="B157" s="53">
        <v>829</v>
      </c>
      <c r="C157" s="174">
        <v>3.32</v>
      </c>
      <c r="D157" s="85">
        <v>0.15679999999999999</v>
      </c>
      <c r="E157" s="181">
        <v>0.56499999999999995</v>
      </c>
      <c r="F157" s="94">
        <v>3.4356752653041618E-2</v>
      </c>
      <c r="G157" s="181">
        <v>8.8999999999999996E-2</v>
      </c>
      <c r="H157" s="94">
        <v>1.9927527211092647E-2</v>
      </c>
      <c r="I157" s="181">
        <v>0.34599999999999997</v>
      </c>
      <c r="J157" s="94">
        <v>3.2980129188002992E-2</v>
      </c>
    </row>
    <row r="158" spans="1:15">
      <c r="A158" s="49" t="s">
        <v>444</v>
      </c>
      <c r="B158" s="49">
        <v>19</v>
      </c>
      <c r="C158" s="176">
        <v>1.8</v>
      </c>
      <c r="D158" s="177">
        <v>0.54880000000000007</v>
      </c>
      <c r="E158" s="183">
        <v>0.94899999999999995</v>
      </c>
      <c r="F158" s="97">
        <v>0.13982816422010316</v>
      </c>
      <c r="G158" s="183">
        <v>5.0999999999999997E-2</v>
      </c>
      <c r="H158" s="97">
        <v>0.13982816422010313</v>
      </c>
      <c r="I158" s="183">
        <v>0</v>
      </c>
      <c r="J158" s="97">
        <v>0.11750676951168283</v>
      </c>
    </row>
    <row r="159" spans="1:15">
      <c r="A159" s="45" t="s">
        <v>445</v>
      </c>
      <c r="B159" s="53">
        <v>265</v>
      </c>
      <c r="C159" s="174">
        <v>3.35</v>
      </c>
      <c r="D159" s="85">
        <v>0.25480000000000003</v>
      </c>
      <c r="E159" s="181">
        <v>0.54900000000000004</v>
      </c>
      <c r="F159" s="94">
        <v>6.0686270356854533E-2</v>
      </c>
      <c r="G159" s="181">
        <v>9.2999999999999999E-2</v>
      </c>
      <c r="H159" s="94">
        <v>3.6428008560820561E-2</v>
      </c>
      <c r="I159" s="181">
        <v>0.35699999999999998</v>
      </c>
      <c r="J159" s="94">
        <v>5.8501056724446263E-2</v>
      </c>
    </row>
    <row r="160" spans="1:15">
      <c r="A160" s="49" t="s">
        <v>440</v>
      </c>
      <c r="B160" s="49">
        <v>93</v>
      </c>
      <c r="C160" s="176">
        <v>3.84</v>
      </c>
      <c r="D160" s="177">
        <v>0.43119999999999997</v>
      </c>
      <c r="E160" s="183">
        <v>0.44500000000000001</v>
      </c>
      <c r="F160" s="97">
        <v>0.10096837118827647</v>
      </c>
      <c r="G160" s="183">
        <v>8.5999999999999993E-2</v>
      </c>
      <c r="H160" s="97">
        <v>6.1743831867333447E-2</v>
      </c>
      <c r="I160" s="183">
        <v>0.46899999999999997</v>
      </c>
      <c r="J160" s="97">
        <v>0.1013550711891083</v>
      </c>
    </row>
    <row r="161" spans="1:10">
      <c r="A161" s="45" t="s">
        <v>441</v>
      </c>
      <c r="B161" s="53">
        <v>81</v>
      </c>
      <c r="C161" s="174">
        <v>3.77</v>
      </c>
      <c r="D161" s="85">
        <v>0.47039999999999998</v>
      </c>
      <c r="E161" s="181">
        <v>0.498</v>
      </c>
      <c r="F161" s="94">
        <v>0.10846444093097311</v>
      </c>
      <c r="G161" s="181">
        <v>7.1999999999999995E-2</v>
      </c>
      <c r="H161" s="94">
        <v>6.2741741455778266E-2</v>
      </c>
      <c r="I161" s="181">
        <v>0.42899999999999999</v>
      </c>
      <c r="J161" s="94">
        <v>0.10746759480909822</v>
      </c>
    </row>
    <row r="162" spans="1:10">
      <c r="A162" s="49" t="s">
        <v>442</v>
      </c>
      <c r="B162" s="49">
        <v>67</v>
      </c>
      <c r="C162" s="176">
        <v>2.6</v>
      </c>
      <c r="D162" s="177">
        <v>0.50960000000000005</v>
      </c>
      <c r="E162" s="183">
        <v>0.69699999999999995</v>
      </c>
      <c r="F162" s="97">
        <v>0.11017033325170272</v>
      </c>
      <c r="G162" s="183">
        <v>5.8999999999999997E-2</v>
      </c>
      <c r="H162" s="97">
        <v>6.5784571412792578E-2</v>
      </c>
      <c r="I162" s="183">
        <v>0.24399999999999999</v>
      </c>
      <c r="J162" s="97">
        <v>0.10390687285114568</v>
      </c>
    </row>
    <row r="163" spans="1:10" ht="25.5">
      <c r="A163" s="45" t="s">
        <v>446</v>
      </c>
      <c r="B163" s="180">
        <v>91</v>
      </c>
      <c r="C163" s="174">
        <v>3.58</v>
      </c>
      <c r="D163" s="85">
        <v>0.47039999999999998</v>
      </c>
      <c r="E163" s="181">
        <v>0.47399999999999998</v>
      </c>
      <c r="F163" s="94">
        <v>0.10247047900778901</v>
      </c>
      <c r="G163" s="181">
        <v>7.5999999999999998E-2</v>
      </c>
      <c r="H163" s="94">
        <v>5.9839896961863773E-2</v>
      </c>
      <c r="I163" s="181">
        <v>0.45</v>
      </c>
      <c r="J163" s="94">
        <v>0.10212605094383179</v>
      </c>
    </row>
    <row r="164" spans="1:10">
      <c r="A164" s="49" t="s">
        <v>447</v>
      </c>
      <c r="B164" s="182">
        <v>95</v>
      </c>
      <c r="C164" s="176">
        <v>3.29</v>
      </c>
      <c r="D164" s="177">
        <v>0.43119999999999997</v>
      </c>
      <c r="E164" s="183">
        <v>0.56000000000000005</v>
      </c>
      <c r="F164" s="97">
        <v>9.9835224272996445E-2</v>
      </c>
      <c r="G164" s="183">
        <v>0.08</v>
      </c>
      <c r="H164" s="97">
        <v>5.9481454486676695E-2</v>
      </c>
      <c r="I164" s="183">
        <v>0.35899999999999999</v>
      </c>
      <c r="J164" s="97">
        <v>9.6754002342672882E-2</v>
      </c>
    </row>
    <row r="165" spans="1:10" ht="25.5">
      <c r="A165" s="45" t="s">
        <v>448</v>
      </c>
      <c r="B165" s="54">
        <v>126</v>
      </c>
      <c r="C165" s="174">
        <v>3.19</v>
      </c>
      <c r="D165" s="85">
        <v>0.39200000000000002</v>
      </c>
      <c r="E165" s="181">
        <v>0.59899999999999998</v>
      </c>
      <c r="F165" s="94">
        <v>8.6075612450428898E-2</v>
      </c>
      <c r="G165" s="181">
        <v>0.109</v>
      </c>
      <c r="H165" s="94">
        <v>5.7212780210282366E-2</v>
      </c>
      <c r="I165" s="181">
        <v>0.29199999999999998</v>
      </c>
      <c r="J165" s="94">
        <v>8.0260621631129819E-2</v>
      </c>
    </row>
    <row r="166" spans="1:10">
      <c r="A166" s="49" t="s">
        <v>449</v>
      </c>
      <c r="B166" s="182">
        <v>76</v>
      </c>
      <c r="C166" s="176">
        <v>3</v>
      </c>
      <c r="D166" s="177">
        <v>0.49</v>
      </c>
      <c r="E166" s="183">
        <v>0.63100000000000001</v>
      </c>
      <c r="F166" s="97">
        <v>0.10828485524301171</v>
      </c>
      <c r="G166" s="183">
        <v>7.4999999999999997E-2</v>
      </c>
      <c r="H166" s="97">
        <v>6.5949199199080502E-2</v>
      </c>
      <c r="I166" s="183">
        <v>0.29399999999999998</v>
      </c>
      <c r="J166" s="97">
        <v>0.10288379610026059</v>
      </c>
    </row>
    <row r="167" spans="1:10">
      <c r="A167" s="57" t="s">
        <v>450</v>
      </c>
      <c r="B167" s="180">
        <v>98</v>
      </c>
      <c r="C167" s="174">
        <v>3.37</v>
      </c>
      <c r="D167" s="85">
        <v>0.47039999999999998</v>
      </c>
      <c r="E167" s="181">
        <v>0.55000000000000004</v>
      </c>
      <c r="F167" s="94">
        <v>9.8556688923773977E-2</v>
      </c>
      <c r="G167" s="181">
        <v>8.6999999999999994E-2</v>
      </c>
      <c r="H167" s="94">
        <v>6.0243508421828518E-2</v>
      </c>
      <c r="I167" s="181">
        <v>0.36199999999999999</v>
      </c>
      <c r="J167" s="94">
        <v>9.5470015796274219E-2</v>
      </c>
    </row>
    <row r="168" spans="1:10">
      <c r="A168" s="49" t="s">
        <v>443</v>
      </c>
      <c r="B168" s="182">
        <v>63</v>
      </c>
      <c r="C168" s="176">
        <v>3.57</v>
      </c>
      <c r="D168" s="177">
        <v>0.60760000000000003</v>
      </c>
      <c r="E168" s="183">
        <v>0.495</v>
      </c>
      <c r="F168" s="97">
        <v>0.12216404336228473</v>
      </c>
      <c r="G168" s="183">
        <v>8.8999999999999996E-2</v>
      </c>
      <c r="H168" s="97">
        <v>7.7516138672562046E-2</v>
      </c>
      <c r="I168" s="183">
        <v>0.41599999999999998</v>
      </c>
      <c r="J168" s="97">
        <v>0.12063547112975444</v>
      </c>
    </row>
    <row r="169" spans="1:10">
      <c r="A169" s="57" t="s">
        <v>451</v>
      </c>
      <c r="B169" s="180">
        <v>121</v>
      </c>
      <c r="C169" s="174">
        <v>3.26</v>
      </c>
      <c r="D169" s="85">
        <v>0.39200000000000002</v>
      </c>
      <c r="E169" s="181">
        <v>0.61399999999999999</v>
      </c>
      <c r="F169" s="94">
        <v>8.7237136330074475E-2</v>
      </c>
      <c r="G169" s="181">
        <v>6.8000000000000005E-2</v>
      </c>
      <c r="H169" s="94">
        <v>4.9031853491052116E-2</v>
      </c>
      <c r="I169" s="181">
        <v>0.318</v>
      </c>
      <c r="J169" s="94">
        <v>8.370653824384329E-2</v>
      </c>
    </row>
    <row r="177" spans="1:12" ht="18.75">
      <c r="A177" s="324" t="s">
        <v>13</v>
      </c>
      <c r="B177" s="324"/>
      <c r="C177" s="324"/>
      <c r="D177" s="324"/>
      <c r="E177" s="324"/>
      <c r="F177" s="324"/>
      <c r="G177" s="324"/>
      <c r="H177" s="324"/>
      <c r="I177" s="324"/>
      <c r="J177" s="324"/>
      <c r="K177" s="324"/>
      <c r="L177" s="324"/>
    </row>
    <row r="178" spans="1:12" ht="43.5" customHeight="1">
      <c r="A178" s="381" t="s">
        <v>388</v>
      </c>
      <c r="B178" s="381"/>
      <c r="C178" s="381"/>
      <c r="D178" s="381"/>
      <c r="E178" s="381"/>
      <c r="F178" s="381"/>
      <c r="G178" s="381"/>
      <c r="H178" s="381"/>
      <c r="I178" s="381"/>
      <c r="J178" s="381"/>
      <c r="K178" s="381"/>
      <c r="L178" s="381"/>
    </row>
    <row r="179" spans="1:12" ht="36" customHeight="1">
      <c r="A179" s="379" t="s">
        <v>160</v>
      </c>
      <c r="B179" s="380"/>
      <c r="C179" s="380"/>
      <c r="D179" s="380"/>
      <c r="E179" s="380"/>
      <c r="F179" s="380"/>
      <c r="G179" s="380"/>
      <c r="H179" s="380"/>
      <c r="I179" s="380"/>
      <c r="J179" s="380"/>
      <c r="K179" s="380"/>
      <c r="L179" s="380"/>
    </row>
    <row r="180" spans="1:12" ht="39.75" customHeight="1">
      <c r="A180" s="37" t="s">
        <v>85</v>
      </c>
      <c r="B180" s="38" t="s">
        <v>86</v>
      </c>
      <c r="C180" s="39" t="s">
        <v>87</v>
      </c>
      <c r="D180" s="40" t="s">
        <v>88</v>
      </c>
      <c r="E180" s="38" t="s">
        <v>178</v>
      </c>
      <c r="F180" s="89" t="s">
        <v>101</v>
      </c>
      <c r="G180" s="38" t="s">
        <v>179</v>
      </c>
      <c r="H180" s="89" t="s">
        <v>102</v>
      </c>
      <c r="I180" s="38" t="s">
        <v>180</v>
      </c>
      <c r="J180" s="89" t="s">
        <v>103</v>
      </c>
      <c r="K180" s="38" t="s">
        <v>356</v>
      </c>
      <c r="L180" s="89" t="s">
        <v>355</v>
      </c>
    </row>
    <row r="181" spans="1:12" ht="72">
      <c r="A181" s="41"/>
      <c r="B181" s="42" t="s">
        <v>89</v>
      </c>
      <c r="C181" s="126" t="s">
        <v>360</v>
      </c>
      <c r="D181" s="44" t="s">
        <v>91</v>
      </c>
      <c r="E181" s="42" t="s">
        <v>181</v>
      </c>
      <c r="F181" s="91" t="s">
        <v>161</v>
      </c>
      <c r="G181" s="42" t="s">
        <v>182</v>
      </c>
      <c r="H181" s="91" t="s">
        <v>104</v>
      </c>
      <c r="I181" s="42" t="s">
        <v>183</v>
      </c>
      <c r="J181" s="91" t="s">
        <v>104</v>
      </c>
      <c r="K181" s="42" t="s">
        <v>356</v>
      </c>
      <c r="L181" s="91" t="s">
        <v>104</v>
      </c>
    </row>
    <row r="182" spans="1:12">
      <c r="A182" s="45" t="s">
        <v>435</v>
      </c>
      <c r="B182" s="184">
        <v>9355</v>
      </c>
      <c r="C182" s="174">
        <v>5.53</v>
      </c>
      <c r="D182" s="85">
        <v>1.9599999999999999E-2</v>
      </c>
      <c r="E182" s="181">
        <v>0.10299999999999999</v>
      </c>
      <c r="F182" s="94">
        <v>6.2884910624138122E-3</v>
      </c>
      <c r="G182" s="181">
        <v>0.10299999999999999</v>
      </c>
      <c r="H182" s="94">
        <v>6.2884910624138122E-3</v>
      </c>
      <c r="I182" s="181">
        <v>0.78500000000000003</v>
      </c>
      <c r="J182" s="94">
        <v>8.4949068833350856E-3</v>
      </c>
      <c r="K182" s="181">
        <v>8.9999999999999993E-3</v>
      </c>
      <c r="L182" s="94">
        <v>1.9748423193708372E-3</v>
      </c>
    </row>
    <row r="183" spans="1:12">
      <c r="A183" s="49" t="s">
        <v>436</v>
      </c>
      <c r="B183" s="49">
        <v>8720</v>
      </c>
      <c r="C183" s="176">
        <v>5.49</v>
      </c>
      <c r="D183" s="177">
        <v>3.1657919999999999E-2</v>
      </c>
      <c r="E183" s="183">
        <v>0.113</v>
      </c>
      <c r="F183" s="97">
        <v>6.7837599134595167E-3</v>
      </c>
      <c r="G183" s="183">
        <v>9.9900000000000003E-2</v>
      </c>
      <c r="H183" s="97">
        <v>6.4262026441540025E-3</v>
      </c>
      <c r="I183" s="183">
        <v>0.77959999999999996</v>
      </c>
      <c r="J183" s="97">
        <v>8.8777811750262552E-3</v>
      </c>
      <c r="K183" s="183">
        <v>0.01</v>
      </c>
      <c r="L183" s="97">
        <v>2.1540961222383994E-3</v>
      </c>
    </row>
    <row r="184" spans="1:12">
      <c r="A184" s="45" t="s">
        <v>437</v>
      </c>
      <c r="B184" s="53">
        <v>834</v>
      </c>
      <c r="C184" s="174">
        <v>5.35</v>
      </c>
      <c r="D184" s="85">
        <v>9.8000000000000004E-2</v>
      </c>
      <c r="E184" s="181">
        <v>0.1147</v>
      </c>
      <c r="F184" s="94">
        <v>2.2168563334956089E-2</v>
      </c>
      <c r="G184" s="181">
        <v>0.1343</v>
      </c>
      <c r="H184" s="94">
        <v>2.3686212780974557E-2</v>
      </c>
      <c r="I184" s="181">
        <v>0.73809999999999998</v>
      </c>
      <c r="J184" s="94">
        <v>3.0418583929971529E-2</v>
      </c>
      <c r="K184" s="181">
        <v>1.29E-2</v>
      </c>
      <c r="L184" s="94">
        <v>8.4597198687637407E-3</v>
      </c>
    </row>
    <row r="185" spans="1:12">
      <c r="A185" s="49" t="s">
        <v>438</v>
      </c>
      <c r="B185" s="49">
        <v>957</v>
      </c>
      <c r="C185" s="176">
        <v>5.32</v>
      </c>
      <c r="D185" s="177">
        <v>9.8000000000000004E-2</v>
      </c>
      <c r="E185" s="183">
        <v>0.153</v>
      </c>
      <c r="F185" s="97">
        <v>2.3314461453675703E-2</v>
      </c>
      <c r="G185" s="183">
        <v>0.11</v>
      </c>
      <c r="H185" s="97">
        <v>2.0316286370805386E-2</v>
      </c>
      <c r="I185" s="183">
        <v>0.73199999999999998</v>
      </c>
      <c r="J185" s="97">
        <v>2.860787562452825E-2</v>
      </c>
      <c r="K185" s="183">
        <v>5.0000000000000001E-3</v>
      </c>
      <c r="L185" s="97">
        <v>5.4018554650831991E-3</v>
      </c>
    </row>
    <row r="186" spans="1:12">
      <c r="A186" s="45" t="s">
        <v>439</v>
      </c>
      <c r="B186" s="53">
        <v>897</v>
      </c>
      <c r="C186" s="174">
        <v>5.29</v>
      </c>
      <c r="D186" s="85">
        <v>9.8000000000000004E-2</v>
      </c>
      <c r="E186" s="181">
        <v>0.154</v>
      </c>
      <c r="F186" s="94">
        <v>2.4147585586016544E-2</v>
      </c>
      <c r="G186" s="181">
        <v>0.106</v>
      </c>
      <c r="H186" s="94">
        <v>2.065941610516599E-2</v>
      </c>
      <c r="I186" s="181">
        <v>0.73599999999999999</v>
      </c>
      <c r="J186" s="94">
        <v>2.9407574760531383E-2</v>
      </c>
      <c r="K186" s="181">
        <v>5.0000000000000001E-3</v>
      </c>
      <c r="L186" s="94">
        <v>5.6323756620535953E-3</v>
      </c>
    </row>
    <row r="187" spans="1:12">
      <c r="A187" s="49" t="s">
        <v>444</v>
      </c>
      <c r="B187" s="49">
        <v>19</v>
      </c>
      <c r="C187" s="176">
        <v>5.75</v>
      </c>
      <c r="D187" s="177">
        <v>0.90160000000000007</v>
      </c>
      <c r="E187" s="183">
        <v>0.188</v>
      </c>
      <c r="F187" s="97">
        <v>0.17867655530630083</v>
      </c>
      <c r="G187" s="183">
        <v>6.2E-2</v>
      </c>
      <c r="H187" s="97">
        <v>0.1439093209645402</v>
      </c>
      <c r="I187" s="183">
        <v>0.75</v>
      </c>
      <c r="J187" s="97">
        <v>0.18989643459644484</v>
      </c>
      <c r="K187" s="183">
        <v>0</v>
      </c>
      <c r="L187" s="97">
        <v>0.11750676951168283</v>
      </c>
    </row>
    <row r="188" spans="1:12">
      <c r="A188" s="45" t="s">
        <v>445</v>
      </c>
      <c r="B188" s="53">
        <v>292</v>
      </c>
      <c r="C188" s="174">
        <v>5.59</v>
      </c>
      <c r="D188" s="85">
        <v>0.1764</v>
      </c>
      <c r="E188" s="181">
        <v>9.0999999999999998E-2</v>
      </c>
      <c r="F188" s="94">
        <v>3.4329398023463603E-2</v>
      </c>
      <c r="G188" s="181">
        <v>8.8999999999999996E-2</v>
      </c>
      <c r="H188" s="94">
        <v>3.4013825669904629E-2</v>
      </c>
      <c r="I188" s="181">
        <v>0.82</v>
      </c>
      <c r="J188" s="94">
        <v>4.507484283474656E-2</v>
      </c>
      <c r="K188" s="181">
        <v>0</v>
      </c>
      <c r="L188" s="94">
        <v>9.5231602429016963E-3</v>
      </c>
    </row>
    <row r="189" spans="1:12">
      <c r="A189" s="49" t="s">
        <v>440</v>
      </c>
      <c r="B189" s="49">
        <v>101</v>
      </c>
      <c r="C189" s="176">
        <v>5.28</v>
      </c>
      <c r="D189" s="177">
        <v>0.29399999999999998</v>
      </c>
      <c r="E189" s="183">
        <v>8.2000000000000003E-2</v>
      </c>
      <c r="F189" s="97">
        <v>5.8009765040741755E-2</v>
      </c>
      <c r="G189" s="183">
        <v>0.20499999999999999</v>
      </c>
      <c r="H189" s="97">
        <v>8.0351414224291318E-2</v>
      </c>
      <c r="I189" s="183">
        <v>0.71299999999999997</v>
      </c>
      <c r="J189" s="97">
        <v>8.9020456521522587E-2</v>
      </c>
      <c r="K189" s="183">
        <v>0</v>
      </c>
      <c r="L189" s="97">
        <v>2.6679621084077194E-2</v>
      </c>
    </row>
    <row r="190" spans="1:12">
      <c r="A190" s="45" t="s">
        <v>441</v>
      </c>
      <c r="B190" s="53">
        <v>95</v>
      </c>
      <c r="C190" s="174">
        <v>5.93</v>
      </c>
      <c r="D190" s="85">
        <v>0.27440000000000003</v>
      </c>
      <c r="E190" s="181">
        <v>6.5000000000000002E-2</v>
      </c>
      <c r="F190" s="94">
        <v>5.5325301292381772E-2</v>
      </c>
      <c r="G190" s="181">
        <v>1.9E-2</v>
      </c>
      <c r="H190" s="94">
        <v>3.8642178598429257E-2</v>
      </c>
      <c r="I190" s="181">
        <v>0.91600000000000004</v>
      </c>
      <c r="J190" s="94">
        <v>6.051823722184313E-2</v>
      </c>
      <c r="K190" s="181">
        <v>0</v>
      </c>
      <c r="L190" s="94">
        <v>2.8279912978147775E-2</v>
      </c>
    </row>
    <row r="191" spans="1:12">
      <c r="A191" s="49" t="s">
        <v>442</v>
      </c>
      <c r="B191" s="49">
        <v>72</v>
      </c>
      <c r="C191" s="176">
        <v>5.56</v>
      </c>
      <c r="D191" s="177">
        <v>0.37240000000000001</v>
      </c>
      <c r="E191" s="183">
        <v>0.109</v>
      </c>
      <c r="F191" s="97">
        <v>7.7046890632746307E-2</v>
      </c>
      <c r="G191" s="183">
        <v>6.5000000000000002E-2</v>
      </c>
      <c r="H191" s="97">
        <v>6.4957172967053459E-2</v>
      </c>
      <c r="I191" s="183">
        <v>0.82599999999999996</v>
      </c>
      <c r="J191" s="97">
        <v>9.0209275406112316E-2</v>
      </c>
      <c r="K191" s="183">
        <v>0</v>
      </c>
      <c r="L191" s="97">
        <v>3.6723195522334773E-2</v>
      </c>
    </row>
    <row r="192" spans="1:12" ht="25.5">
      <c r="A192" s="45" t="s">
        <v>446</v>
      </c>
      <c r="B192" s="184">
        <v>98</v>
      </c>
      <c r="C192" s="174">
        <v>5.27</v>
      </c>
      <c r="D192" s="85">
        <v>0.27440000000000003</v>
      </c>
      <c r="E192" s="181">
        <v>0.104</v>
      </c>
      <c r="F192" s="94">
        <v>6.4242839377550667E-2</v>
      </c>
      <c r="G192" s="181">
        <v>0.17799999999999999</v>
      </c>
      <c r="H192" s="94">
        <v>7.7785180783576893E-2</v>
      </c>
      <c r="I192" s="181">
        <v>0.71799999999999997</v>
      </c>
      <c r="J192" s="94">
        <v>8.9908512718897146E-2</v>
      </c>
      <c r="K192" s="181">
        <v>0</v>
      </c>
      <c r="L192" s="94">
        <v>2.745647223584333E-2</v>
      </c>
    </row>
    <row r="193" spans="1:12">
      <c r="A193" s="49" t="s">
        <v>447</v>
      </c>
      <c r="B193" s="185">
        <v>105</v>
      </c>
      <c r="C193" s="176">
        <v>5.49</v>
      </c>
      <c r="D193" s="177">
        <v>0.27440000000000003</v>
      </c>
      <c r="E193" s="183">
        <v>0.122</v>
      </c>
      <c r="F193" s="97">
        <v>6.5640242443999366E-2</v>
      </c>
      <c r="G193" s="183">
        <v>8.4000000000000005E-2</v>
      </c>
      <c r="H193" s="97">
        <v>5.7281633337862042E-2</v>
      </c>
      <c r="I193" s="183">
        <v>0.79400000000000004</v>
      </c>
      <c r="J193" s="97">
        <v>7.8935933674370948E-2</v>
      </c>
      <c r="K193" s="183">
        <v>0</v>
      </c>
      <c r="L193" s="97">
        <v>2.5709707484377786E-2</v>
      </c>
    </row>
    <row r="194" spans="1:12" ht="25.5">
      <c r="A194" s="45" t="s">
        <v>448</v>
      </c>
      <c r="B194" s="83">
        <v>131</v>
      </c>
      <c r="C194" s="174">
        <v>5.28</v>
      </c>
      <c r="D194" s="85">
        <v>0.25480000000000003</v>
      </c>
      <c r="E194" s="181">
        <v>0.16800000000000001</v>
      </c>
      <c r="F194" s="94">
        <v>6.5819286894169729E-2</v>
      </c>
      <c r="G194" s="181">
        <v>0.104</v>
      </c>
      <c r="H194" s="94">
        <v>5.5066055656790125E-2</v>
      </c>
      <c r="I194" s="181">
        <v>0.72099999999999997</v>
      </c>
      <c r="J194" s="94">
        <v>7.7748007617642084E-2</v>
      </c>
      <c r="K194" s="181">
        <v>8.0000000000000002E-3</v>
      </c>
      <c r="L194" s="94">
        <v>2.557082928790079E-2</v>
      </c>
    </row>
    <row r="195" spans="1:12">
      <c r="A195" s="49" t="s">
        <v>449</v>
      </c>
      <c r="B195" s="185">
        <v>76</v>
      </c>
      <c r="C195" s="176">
        <v>4.74</v>
      </c>
      <c r="D195" s="177">
        <v>0.39200000000000002</v>
      </c>
      <c r="E195" s="183">
        <v>0.24099999999999999</v>
      </c>
      <c r="F195" s="97">
        <v>9.7329183059347624E-2</v>
      </c>
      <c r="G195" s="183">
        <v>0.218</v>
      </c>
      <c r="H195" s="97">
        <v>9.4400632942793355E-2</v>
      </c>
      <c r="I195" s="183">
        <v>0.54100000000000004</v>
      </c>
      <c r="J195" s="97">
        <v>0.11146364822218946</v>
      </c>
      <c r="K195" s="183">
        <v>0</v>
      </c>
      <c r="L195" s="97">
        <v>3.4910600109422353E-2</v>
      </c>
    </row>
    <row r="196" spans="1:12">
      <c r="A196" s="57" t="s">
        <v>450</v>
      </c>
      <c r="B196" s="184">
        <v>111</v>
      </c>
      <c r="C196" s="174">
        <v>5.36</v>
      </c>
      <c r="D196" s="85">
        <v>0.29399999999999998</v>
      </c>
      <c r="E196" s="181">
        <v>0.182</v>
      </c>
      <c r="F196" s="94">
        <v>7.3611995763436244E-2</v>
      </c>
      <c r="G196" s="181">
        <v>9.2999999999999999E-2</v>
      </c>
      <c r="H196" s="94">
        <v>5.7687012052793911E-2</v>
      </c>
      <c r="I196" s="181">
        <v>0.71699999999999997</v>
      </c>
      <c r="J196" s="94">
        <v>8.4674268324454655E-2</v>
      </c>
      <c r="K196" s="181">
        <v>8.9999999999999993E-3</v>
      </c>
      <c r="L196" s="94">
        <v>2.9722300326206024E-2</v>
      </c>
    </row>
    <row r="197" spans="1:12">
      <c r="A197" s="49" t="s">
        <v>443</v>
      </c>
      <c r="B197" s="185">
        <v>72</v>
      </c>
      <c r="C197" s="176">
        <v>5.42</v>
      </c>
      <c r="D197" s="177">
        <v>0.39200000000000002</v>
      </c>
      <c r="E197" s="183">
        <v>0.155</v>
      </c>
      <c r="F197" s="97">
        <v>8.680717840410096E-2</v>
      </c>
      <c r="G197" s="183">
        <v>0.113</v>
      </c>
      <c r="H197" s="97">
        <v>7.7995035374580621E-2</v>
      </c>
      <c r="I197" s="183">
        <v>0.73199999999999998</v>
      </c>
      <c r="J197" s="97">
        <v>0.10303106002244324</v>
      </c>
      <c r="K197" s="183">
        <v>0</v>
      </c>
      <c r="L197" s="97">
        <v>3.6723195522334773E-2</v>
      </c>
    </row>
    <row r="198" spans="1:12">
      <c r="A198" s="57" t="s">
        <v>451</v>
      </c>
      <c r="B198" s="184">
        <v>126</v>
      </c>
      <c r="C198" s="174">
        <v>4.9400000000000004</v>
      </c>
      <c r="D198" s="85">
        <v>0.29399999999999998</v>
      </c>
      <c r="E198" s="181">
        <v>0.23100000000000001</v>
      </c>
      <c r="F198" s="94">
        <v>7.4837974145126107E-2</v>
      </c>
      <c r="G198" s="181">
        <v>8.3000000000000004E-2</v>
      </c>
      <c r="H198" s="94">
        <v>5.1633987881986976E-2</v>
      </c>
      <c r="I198" s="181">
        <v>0.66400000000000003</v>
      </c>
      <c r="J198" s="94">
        <v>8.3155771304943005E-2</v>
      </c>
      <c r="K198" s="181">
        <v>2.1000000000000001E-2</v>
      </c>
      <c r="L198" s="94">
        <v>3.2562944445075771E-2</v>
      </c>
    </row>
  </sheetData>
  <mergeCells count="23">
    <mergeCell ref="A179:L179"/>
    <mergeCell ref="A178:L178"/>
    <mergeCell ref="A177:L177"/>
    <mergeCell ref="A90:O90"/>
    <mergeCell ref="A91:O91"/>
    <mergeCell ref="B92:H92"/>
    <mergeCell ref="I92:O92"/>
    <mergeCell ref="A121:L121"/>
    <mergeCell ref="A120:L120"/>
    <mergeCell ref="A119:L119"/>
    <mergeCell ref="A150:J150"/>
    <mergeCell ref="A149:J149"/>
    <mergeCell ref="A148:J148"/>
    <mergeCell ref="A3:D3"/>
    <mergeCell ref="A4:D4"/>
    <mergeCell ref="A5:D5"/>
    <mergeCell ref="A32:O32"/>
    <mergeCell ref="A33:O33"/>
    <mergeCell ref="B34:H34"/>
    <mergeCell ref="I34:O34"/>
    <mergeCell ref="A61:D61"/>
    <mergeCell ref="A62:D62"/>
    <mergeCell ref="A63:D63"/>
  </mergeCells>
  <pageMargins left="0.7" right="0.7" top="0.75" bottom="0.75" header="0.3" footer="0.3"/>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dimension ref="A1:BC285"/>
  <sheetViews>
    <sheetView zoomScaleNormal="100" workbookViewId="0">
      <selection activeCell="A265" sqref="A265:S265"/>
    </sheetView>
  </sheetViews>
  <sheetFormatPr defaultColWidth="17.5703125" defaultRowHeight="15"/>
  <cols>
    <col min="1" max="1" width="40.85546875" customWidth="1"/>
  </cols>
  <sheetData>
    <row r="1" spans="1:55" ht="31.5">
      <c r="A1" s="33" t="s">
        <v>48</v>
      </c>
    </row>
    <row r="3" spans="1:55" ht="18.75">
      <c r="A3" s="324" t="s">
        <v>272</v>
      </c>
      <c r="B3" s="324"/>
      <c r="C3" s="324"/>
      <c r="D3" s="324"/>
      <c r="E3" s="324"/>
      <c r="F3" s="324"/>
      <c r="G3" s="324"/>
      <c r="H3" s="324"/>
      <c r="I3" s="324"/>
      <c r="J3" s="324"/>
      <c r="K3" s="324"/>
      <c r="L3" s="324"/>
      <c r="M3" s="324"/>
      <c r="N3" s="324"/>
      <c r="O3" s="324"/>
      <c r="P3" s="324"/>
      <c r="Q3" s="324"/>
      <c r="R3" s="324"/>
      <c r="S3" s="324"/>
      <c r="T3" s="324"/>
      <c r="U3" s="324"/>
      <c r="V3" s="324"/>
      <c r="W3" s="324"/>
      <c r="X3" s="226"/>
      <c r="Y3" s="226"/>
      <c r="Z3" s="226"/>
      <c r="AA3" s="226"/>
      <c r="AB3" s="226"/>
      <c r="AC3" s="226"/>
      <c r="AD3" s="226"/>
      <c r="AE3" s="226"/>
      <c r="AF3" s="226"/>
      <c r="AG3" s="226"/>
      <c r="AH3" s="226"/>
      <c r="AI3" s="226"/>
      <c r="AJ3" s="226"/>
      <c r="AK3" s="226"/>
      <c r="AL3" s="226"/>
      <c r="AM3" s="226"/>
      <c r="AN3" s="226"/>
      <c r="AO3" s="226"/>
      <c r="AP3" s="226"/>
      <c r="AQ3" s="226"/>
      <c r="AR3" s="248"/>
      <c r="AS3" s="248"/>
      <c r="AT3" s="248"/>
      <c r="AU3" s="248"/>
      <c r="AV3" s="248"/>
      <c r="AW3" s="248"/>
    </row>
    <row r="4" spans="1:55" ht="35.25" customHeight="1">
      <c r="A4" s="387" t="s">
        <v>486</v>
      </c>
      <c r="B4" s="387"/>
      <c r="C4" s="387"/>
      <c r="D4" s="387"/>
      <c r="E4" s="387"/>
      <c r="F4" s="387"/>
      <c r="G4" s="387"/>
      <c r="H4" s="387"/>
      <c r="I4" s="387"/>
      <c r="J4" s="387"/>
      <c r="K4" s="387"/>
      <c r="L4" s="387"/>
      <c r="M4" s="387"/>
      <c r="N4" s="387"/>
      <c r="O4" s="387"/>
      <c r="P4" s="387"/>
      <c r="Q4" s="387"/>
      <c r="R4" s="387"/>
      <c r="S4" s="387"/>
      <c r="T4" s="387"/>
      <c r="U4" s="387"/>
      <c r="V4" s="387"/>
      <c r="W4" s="387"/>
      <c r="X4" s="258"/>
      <c r="Y4" s="258"/>
      <c r="Z4" s="258"/>
      <c r="AA4" s="258"/>
      <c r="AB4" s="258"/>
      <c r="AC4" s="258"/>
      <c r="AD4" s="258"/>
      <c r="AE4" s="258"/>
      <c r="AF4" s="258"/>
      <c r="AG4" s="258"/>
      <c r="AH4" s="258"/>
      <c r="AI4" s="258"/>
      <c r="AJ4" s="258"/>
      <c r="AK4" s="258"/>
      <c r="AL4" s="258"/>
      <c r="AM4" s="258"/>
      <c r="AN4" s="258"/>
      <c r="AO4" s="258"/>
      <c r="AP4" s="258"/>
      <c r="AQ4" s="258"/>
      <c r="AR4" s="248"/>
      <c r="AS4" s="248"/>
      <c r="AT4" s="248"/>
      <c r="AU4" s="248"/>
      <c r="AV4" s="248"/>
      <c r="AW4" s="248"/>
    </row>
    <row r="5" spans="1:55" ht="34.5" customHeight="1">
      <c r="A5" s="64"/>
      <c r="B5" s="376" t="s">
        <v>270</v>
      </c>
      <c r="C5" s="377"/>
      <c r="D5" s="377"/>
      <c r="E5" s="377"/>
      <c r="F5" s="377"/>
      <c r="G5" s="377"/>
      <c r="H5" s="377"/>
      <c r="I5" s="377"/>
      <c r="J5" s="377"/>
      <c r="K5" s="377"/>
      <c r="L5" s="378"/>
      <c r="M5" s="379" t="s">
        <v>271</v>
      </c>
      <c r="N5" s="380"/>
      <c r="O5" s="380"/>
      <c r="P5" s="380"/>
      <c r="Q5" s="380"/>
      <c r="R5" s="380"/>
      <c r="S5" s="380"/>
      <c r="T5" s="380"/>
      <c r="U5" s="380"/>
      <c r="V5" s="380"/>
      <c r="W5" s="380"/>
      <c r="X5" s="248"/>
      <c r="Y5" s="248"/>
      <c r="Z5" s="248"/>
      <c r="AA5" s="248"/>
      <c r="AB5" s="248"/>
      <c r="AC5" s="248"/>
      <c r="AD5" s="248"/>
      <c r="AE5" s="248"/>
      <c r="AF5" s="248"/>
      <c r="AG5" s="248"/>
      <c r="AH5" s="248"/>
      <c r="AI5" s="248"/>
      <c r="AJ5" s="248"/>
      <c r="AK5" s="248"/>
      <c r="AL5" s="248"/>
      <c r="AM5" s="248"/>
      <c r="AN5" s="248"/>
      <c r="AO5" s="248"/>
      <c r="AP5" s="248"/>
      <c r="AQ5" s="248"/>
      <c r="AR5" s="248"/>
      <c r="AS5" s="248"/>
      <c r="AT5" s="248"/>
      <c r="AU5" s="248"/>
      <c r="AV5" s="248"/>
      <c r="AW5" s="248"/>
      <c r="AX5" s="248"/>
      <c r="AY5" s="248"/>
      <c r="AZ5" s="248"/>
      <c r="BA5" s="248"/>
    </row>
    <row r="6" spans="1:55" ht="49.5" customHeight="1">
      <c r="A6" s="37" t="s">
        <v>85</v>
      </c>
      <c r="B6" s="38" t="s">
        <v>86</v>
      </c>
      <c r="C6" s="39" t="s">
        <v>87</v>
      </c>
      <c r="D6" s="40" t="s">
        <v>88</v>
      </c>
      <c r="E6" s="38" t="s">
        <v>367</v>
      </c>
      <c r="F6" s="89" t="s">
        <v>162</v>
      </c>
      <c r="G6" s="38" t="s">
        <v>368</v>
      </c>
      <c r="H6" s="89" t="s">
        <v>163</v>
      </c>
      <c r="I6" s="38" t="s">
        <v>369</v>
      </c>
      <c r="J6" s="89" t="s">
        <v>136</v>
      </c>
      <c r="K6" s="38" t="s">
        <v>356</v>
      </c>
      <c r="L6" s="89" t="s">
        <v>370</v>
      </c>
      <c r="M6" s="65" t="s">
        <v>86</v>
      </c>
      <c r="N6" s="66" t="s">
        <v>87</v>
      </c>
      <c r="O6" s="67" t="s">
        <v>88</v>
      </c>
      <c r="P6" s="65" t="s">
        <v>367</v>
      </c>
      <c r="Q6" s="88" t="s">
        <v>162</v>
      </c>
      <c r="R6" s="65" t="s">
        <v>371</v>
      </c>
      <c r="S6" s="88" t="s">
        <v>372</v>
      </c>
      <c r="T6" s="65" t="s">
        <v>369</v>
      </c>
      <c r="U6" s="88" t="s">
        <v>136</v>
      </c>
      <c r="V6" s="65" t="s">
        <v>356</v>
      </c>
      <c r="W6" s="88" t="s">
        <v>370</v>
      </c>
      <c r="X6" s="248"/>
      <c r="Y6" s="248"/>
      <c r="Z6" s="248"/>
      <c r="AA6" s="248"/>
      <c r="AB6" s="248"/>
      <c r="AC6" s="248"/>
      <c r="AD6" s="248"/>
      <c r="AE6" s="248"/>
      <c r="AF6" s="248"/>
      <c r="AG6" s="248"/>
      <c r="AH6" s="248"/>
      <c r="AI6" s="248"/>
      <c r="AJ6" s="248"/>
      <c r="AK6" s="248"/>
      <c r="AL6" s="248"/>
      <c r="AM6" s="248"/>
      <c r="AN6" s="248"/>
      <c r="AO6" s="248"/>
      <c r="AP6" s="248"/>
      <c r="AQ6" s="248"/>
      <c r="AR6" s="248"/>
      <c r="AS6" s="248"/>
      <c r="AT6" s="248"/>
      <c r="AU6" s="248"/>
      <c r="AV6" s="248"/>
      <c r="AW6" s="248"/>
      <c r="AX6" s="248"/>
      <c r="AY6" s="248"/>
      <c r="AZ6" s="248"/>
      <c r="BA6" s="248"/>
      <c r="BB6" s="248"/>
      <c r="BC6" s="248"/>
    </row>
    <row r="7" spans="1:55" ht="72">
      <c r="A7" s="41"/>
      <c r="B7" s="42" t="s">
        <v>89</v>
      </c>
      <c r="C7" s="126" t="s">
        <v>359</v>
      </c>
      <c r="D7" s="44" t="s">
        <v>91</v>
      </c>
      <c r="E7" s="42" t="s">
        <v>181</v>
      </c>
      <c r="F7" s="91" t="s">
        <v>104</v>
      </c>
      <c r="G7" s="42" t="s">
        <v>182</v>
      </c>
      <c r="H7" s="91" t="s">
        <v>104</v>
      </c>
      <c r="I7" s="42" t="s">
        <v>183</v>
      </c>
      <c r="J7" s="91" t="s">
        <v>104</v>
      </c>
      <c r="K7" s="42" t="s">
        <v>356</v>
      </c>
      <c r="L7" s="91" t="s">
        <v>104</v>
      </c>
      <c r="M7" s="68" t="s">
        <v>89</v>
      </c>
      <c r="N7" s="272" t="s">
        <v>359</v>
      </c>
      <c r="O7" s="70" t="s">
        <v>91</v>
      </c>
      <c r="P7" s="68" t="s">
        <v>181</v>
      </c>
      <c r="Q7" s="90" t="s">
        <v>104</v>
      </c>
      <c r="R7" s="68" t="s">
        <v>182</v>
      </c>
      <c r="S7" s="90" t="s">
        <v>104</v>
      </c>
      <c r="T7" s="68" t="s">
        <v>183</v>
      </c>
      <c r="U7" s="90" t="s">
        <v>104</v>
      </c>
      <c r="V7" s="68" t="s">
        <v>356</v>
      </c>
      <c r="W7" s="90" t="s">
        <v>104</v>
      </c>
    </row>
    <row r="8" spans="1:55">
      <c r="A8" s="45" t="s">
        <v>435</v>
      </c>
      <c r="B8" s="186">
        <v>10984</v>
      </c>
      <c r="C8" s="84">
        <v>4.8899999999999997</v>
      </c>
      <c r="D8" s="85">
        <v>3.9199999999999999E-2</v>
      </c>
      <c r="E8" s="188">
        <v>0.19600000000000001</v>
      </c>
      <c r="F8" s="94">
        <v>7.5756414386888137E-3</v>
      </c>
      <c r="G8" s="188">
        <v>0.16200000000000001</v>
      </c>
      <c r="H8" s="94">
        <v>7.0320697110495085E-3</v>
      </c>
      <c r="I8" s="188">
        <v>0.63100000000000001</v>
      </c>
      <c r="J8" s="94">
        <v>9.2068312446001097E-3</v>
      </c>
      <c r="K8" s="188">
        <v>1.0999999999999999E-2</v>
      </c>
      <c r="L8" s="94">
        <v>2.0059126667579716E-3</v>
      </c>
      <c r="M8" s="186">
        <v>11074</v>
      </c>
      <c r="N8" s="84">
        <v>5.4</v>
      </c>
      <c r="O8" s="85">
        <v>1.9599999999999999E-2</v>
      </c>
      <c r="P8" s="188">
        <v>7.4999999999999997E-2</v>
      </c>
      <c r="Q8" s="94">
        <v>5.0340808005329817E-3</v>
      </c>
      <c r="R8" s="188">
        <v>0.115</v>
      </c>
      <c r="S8" s="94">
        <v>6.0947779751367942E-3</v>
      </c>
      <c r="T8" s="188">
        <v>0.68500000000000005</v>
      </c>
      <c r="U8" s="94">
        <v>8.8701825986047169E-3</v>
      </c>
      <c r="V8" s="188">
        <v>0.126</v>
      </c>
      <c r="W8" s="94">
        <v>6.3394104173580719E-3</v>
      </c>
    </row>
    <row r="9" spans="1:55">
      <c r="A9" s="49" t="s">
        <v>436</v>
      </c>
      <c r="B9" s="49">
        <v>8836</v>
      </c>
      <c r="C9" s="170">
        <v>4.7</v>
      </c>
      <c r="D9" s="130">
        <v>3.9199999999999999E-2</v>
      </c>
      <c r="E9" s="189">
        <v>0.249</v>
      </c>
      <c r="F9" s="97">
        <v>9.2000393856238021E-3</v>
      </c>
      <c r="G9" s="189">
        <v>0.161</v>
      </c>
      <c r="H9" s="97">
        <v>7.8210464800530181E-3</v>
      </c>
      <c r="I9" s="189">
        <v>0.58499999999999996</v>
      </c>
      <c r="J9" s="97">
        <v>1.0481216488890508E-2</v>
      </c>
      <c r="K9" s="189">
        <v>5.0000000000000001E-3</v>
      </c>
      <c r="L9" s="97">
        <v>1.5334419795925037E-3</v>
      </c>
      <c r="M9" s="49">
        <v>8821</v>
      </c>
      <c r="N9" s="170">
        <v>5.47</v>
      </c>
      <c r="O9" s="130">
        <v>3.9199999999999999E-2</v>
      </c>
      <c r="P9" s="189">
        <v>7.0999999999999994E-2</v>
      </c>
      <c r="Q9" s="97">
        <v>5.4746719709409608E-3</v>
      </c>
      <c r="R9" s="189">
        <v>0.10100000000000001</v>
      </c>
      <c r="S9" s="97">
        <v>6.4203389805858871E-3</v>
      </c>
      <c r="T9" s="189">
        <v>0.69499999999999995</v>
      </c>
      <c r="U9" s="97">
        <v>9.8028026851548992E-3</v>
      </c>
      <c r="V9" s="189">
        <v>0.13300000000000001</v>
      </c>
      <c r="W9" s="97">
        <v>7.2333213841521459E-3</v>
      </c>
    </row>
    <row r="10" spans="1:55">
      <c r="A10" s="45" t="s">
        <v>437</v>
      </c>
      <c r="B10" s="53">
        <v>1982</v>
      </c>
      <c r="C10" s="84">
        <v>5.34</v>
      </c>
      <c r="D10" s="85">
        <v>5.8799999999999998E-2</v>
      </c>
      <c r="E10" s="188">
        <v>8.5500000000000007E-2</v>
      </c>
      <c r="F10" s="94">
        <v>1.2604538787916123E-2</v>
      </c>
      <c r="G10" s="188">
        <v>0.15870000000000001</v>
      </c>
      <c r="H10" s="94">
        <v>1.6427267436820155E-2</v>
      </c>
      <c r="I10" s="188">
        <v>0.73740000000000006</v>
      </c>
      <c r="J10" s="94">
        <v>1.9760297484259556E-2</v>
      </c>
      <c r="K10" s="188">
        <v>1.8499999999999999E-2</v>
      </c>
      <c r="L10" s="94">
        <v>6.2008536355848401E-3</v>
      </c>
      <c r="M10" s="53">
        <v>1982</v>
      </c>
      <c r="N10" s="84">
        <v>5.31</v>
      </c>
      <c r="O10" s="85">
        <v>5.8799999999999998E-2</v>
      </c>
      <c r="P10" s="188">
        <v>7.5800000000000006E-2</v>
      </c>
      <c r="Q10" s="94">
        <v>1.1939633879621185E-2</v>
      </c>
      <c r="R10" s="188">
        <v>0.125</v>
      </c>
      <c r="S10" s="94">
        <v>1.4880585078639935E-2</v>
      </c>
      <c r="T10" s="188">
        <v>0.68089999999999995</v>
      </c>
      <c r="U10" s="94">
        <v>2.0925556405062211E-2</v>
      </c>
      <c r="V10" s="188">
        <v>0.1183</v>
      </c>
      <c r="W10" s="94">
        <v>1.4534842448889567E-2</v>
      </c>
    </row>
    <row r="11" spans="1:55">
      <c r="A11" s="49" t="s">
        <v>438</v>
      </c>
      <c r="B11" s="49">
        <v>1258</v>
      </c>
      <c r="C11" s="170">
        <v>4.8600000000000003</v>
      </c>
      <c r="D11" s="130">
        <v>9.8000000000000004E-2</v>
      </c>
      <c r="E11" s="189">
        <v>0.20200000000000001</v>
      </c>
      <c r="F11" s="97">
        <v>2.2642963609438745E-2</v>
      </c>
      <c r="G11" s="189">
        <v>0.161</v>
      </c>
      <c r="H11" s="97">
        <v>2.0747240954140919E-2</v>
      </c>
      <c r="I11" s="189">
        <v>0.63200000000000001</v>
      </c>
      <c r="J11" s="97">
        <v>2.7157244655069246E-2</v>
      </c>
      <c r="K11" s="189">
        <v>5.0000000000000001E-3</v>
      </c>
      <c r="L11" s="97">
        <v>4.5479614368332229E-3</v>
      </c>
      <c r="M11" s="49">
        <v>1267</v>
      </c>
      <c r="N11" s="170">
        <v>5.43</v>
      </c>
      <c r="O11" s="130">
        <v>7.8399999999999997E-2</v>
      </c>
      <c r="P11" s="189">
        <v>6.5000000000000002E-2</v>
      </c>
      <c r="Q11" s="97">
        <v>1.4043616543868936E-2</v>
      </c>
      <c r="R11" s="189">
        <v>0.11600000000000001</v>
      </c>
      <c r="S11" s="97">
        <v>1.8146488673117092E-2</v>
      </c>
      <c r="T11" s="189">
        <v>0.70399999999999996</v>
      </c>
      <c r="U11" s="97">
        <v>2.5767360023054856E-2</v>
      </c>
      <c r="V11" s="189">
        <v>0.115</v>
      </c>
      <c r="W11" s="97">
        <v>1.8079366812010368E-2</v>
      </c>
    </row>
    <row r="12" spans="1:55">
      <c r="A12" s="45" t="s">
        <v>439</v>
      </c>
      <c r="B12" s="53">
        <v>899</v>
      </c>
      <c r="C12" s="84">
        <v>4.59</v>
      </c>
      <c r="D12" s="85">
        <v>0.1176</v>
      </c>
      <c r="E12" s="188">
        <v>0.27600000000000002</v>
      </c>
      <c r="F12" s="94">
        <v>2.9784574822291854E-2</v>
      </c>
      <c r="G12" s="188">
        <v>0.151</v>
      </c>
      <c r="H12" s="94">
        <v>2.3930102038435718E-2</v>
      </c>
      <c r="I12" s="188">
        <v>0.56899999999999995</v>
      </c>
      <c r="J12" s="94">
        <v>3.296234880065093E-2</v>
      </c>
      <c r="K12" s="188">
        <v>3.0000000000000001E-3</v>
      </c>
      <c r="L12" s="94">
        <v>4.7876244400782428E-3</v>
      </c>
      <c r="M12" s="53">
        <v>787</v>
      </c>
      <c r="N12" s="84">
        <v>5.51</v>
      </c>
      <c r="O12" s="85">
        <v>9.8000000000000004E-2</v>
      </c>
      <c r="P12" s="188">
        <v>6.2E-2</v>
      </c>
      <c r="Q12" s="94">
        <v>1.6329195783255594E-2</v>
      </c>
      <c r="R12" s="188">
        <v>0.10299999999999999</v>
      </c>
      <c r="S12" s="94">
        <v>2.0439705664710855E-2</v>
      </c>
      <c r="T12" s="188">
        <v>0.70699999999999996</v>
      </c>
      <c r="U12" s="94">
        <v>3.0404245843366869E-2</v>
      </c>
      <c r="V12" s="188">
        <v>0.128</v>
      </c>
      <c r="W12" s="94">
        <v>2.2419971400243117E-2</v>
      </c>
    </row>
    <row r="13" spans="1:55">
      <c r="A13" s="49" t="s">
        <v>444</v>
      </c>
      <c r="B13" s="49">
        <v>102</v>
      </c>
      <c r="C13" s="170">
        <v>5.21</v>
      </c>
      <c r="D13" s="130">
        <v>0.25480000000000003</v>
      </c>
      <c r="E13" s="189">
        <v>8.6999999999999994E-2</v>
      </c>
      <c r="F13" s="97">
        <v>5.8940725834736848E-2</v>
      </c>
      <c r="G13" s="189">
        <v>0.193</v>
      </c>
      <c r="H13" s="97">
        <v>7.8362948993482659E-2</v>
      </c>
      <c r="I13" s="189">
        <v>0.71</v>
      </c>
      <c r="J13" s="97">
        <v>8.8842770538210339E-2</v>
      </c>
      <c r="K13" s="189">
        <v>1.0999999999999999E-2</v>
      </c>
      <c r="L13" s="97">
        <v>3.2843460037978132E-2</v>
      </c>
      <c r="M13" s="49">
        <v>103</v>
      </c>
      <c r="N13" s="170">
        <v>5.14</v>
      </c>
      <c r="O13" s="130">
        <v>0.27440000000000003</v>
      </c>
      <c r="P13" s="189">
        <v>5.7000000000000002E-2</v>
      </c>
      <c r="Q13" s="97">
        <v>5.0761294058786488E-2</v>
      </c>
      <c r="R13" s="189">
        <v>0.16500000000000001</v>
      </c>
      <c r="S13" s="97">
        <v>7.4247165897245185E-2</v>
      </c>
      <c r="T13" s="189">
        <v>0.65600000000000003</v>
      </c>
      <c r="U13" s="97">
        <v>9.2647847151906507E-2</v>
      </c>
      <c r="V13" s="189">
        <v>0.122</v>
      </c>
      <c r="W13" s="97">
        <v>6.6643583708219045E-2</v>
      </c>
    </row>
    <row r="14" spans="1:55">
      <c r="A14" s="45" t="s">
        <v>445</v>
      </c>
      <c r="B14" s="53">
        <v>305</v>
      </c>
      <c r="C14" s="84">
        <v>4.9000000000000004</v>
      </c>
      <c r="D14" s="85">
        <v>0.1764</v>
      </c>
      <c r="E14" s="188">
        <v>0.214</v>
      </c>
      <c r="F14" s="94">
        <v>4.6953531945135969E-2</v>
      </c>
      <c r="G14" s="188">
        <v>0.152</v>
      </c>
      <c r="H14" s="94">
        <v>4.1338618243597074E-2</v>
      </c>
      <c r="I14" s="188">
        <v>0.63400000000000001</v>
      </c>
      <c r="J14" s="94">
        <v>5.4861505102153311E-2</v>
      </c>
      <c r="K14" s="188">
        <v>0</v>
      </c>
      <c r="L14" s="94">
        <v>9.1238148197782878E-3</v>
      </c>
      <c r="M14" s="53">
        <v>307</v>
      </c>
      <c r="N14" s="84">
        <v>5.55</v>
      </c>
      <c r="O14" s="85">
        <v>0.15679999999999999</v>
      </c>
      <c r="P14" s="188">
        <v>6.7000000000000004E-2</v>
      </c>
      <c r="Q14" s="94">
        <v>2.9626310634999285E-2</v>
      </c>
      <c r="R14" s="188">
        <v>9.8000000000000004E-2</v>
      </c>
      <c r="S14" s="94">
        <v>3.4731120714346336E-2</v>
      </c>
      <c r="T14" s="188">
        <v>0.751</v>
      </c>
      <c r="U14" s="94">
        <v>4.9575399045999724E-2</v>
      </c>
      <c r="V14" s="188">
        <v>8.4000000000000005E-2</v>
      </c>
      <c r="W14" s="94">
        <v>3.2571489718847574E-2</v>
      </c>
    </row>
    <row r="15" spans="1:55">
      <c r="A15" s="49" t="s">
        <v>440</v>
      </c>
      <c r="B15" s="49">
        <v>105</v>
      </c>
      <c r="C15" s="170">
        <v>4.5599999999999996</v>
      </c>
      <c r="D15" s="130">
        <v>0.31359999999999999</v>
      </c>
      <c r="E15" s="189">
        <v>0.28100000000000003</v>
      </c>
      <c r="F15" s="97">
        <v>8.6839403581436464E-2</v>
      </c>
      <c r="G15" s="189">
        <v>0.216</v>
      </c>
      <c r="H15" s="97">
        <v>8.0172998258424236E-2</v>
      </c>
      <c r="I15" s="189">
        <v>0.503</v>
      </c>
      <c r="J15" s="97">
        <v>9.5781028638150828E-2</v>
      </c>
      <c r="K15" s="189">
        <v>0</v>
      </c>
      <c r="L15" s="97">
        <v>2.5709707484377786E-2</v>
      </c>
      <c r="M15" s="49">
        <v>106</v>
      </c>
      <c r="N15" s="170">
        <v>5.3</v>
      </c>
      <c r="O15" s="130">
        <v>0.29399999999999998</v>
      </c>
      <c r="P15" s="189">
        <v>6.5000000000000002E-2</v>
      </c>
      <c r="Q15" s="97">
        <v>5.2539966715096142E-2</v>
      </c>
      <c r="R15" s="189">
        <v>0.127</v>
      </c>
      <c r="S15" s="97">
        <v>6.6939996000698179E-2</v>
      </c>
      <c r="T15" s="189">
        <v>0.71599999999999997</v>
      </c>
      <c r="U15" s="97">
        <v>8.750365071749229E-2</v>
      </c>
      <c r="V15" s="189">
        <v>9.0999999999999998E-2</v>
      </c>
      <c r="W15" s="97">
        <v>5.927985067484659E-2</v>
      </c>
    </row>
    <row r="16" spans="1:55">
      <c r="A16" s="45" t="s">
        <v>441</v>
      </c>
      <c r="B16" s="53">
        <v>96</v>
      </c>
      <c r="C16" s="84">
        <v>4.84</v>
      </c>
      <c r="D16" s="85">
        <v>0.29399999999999998</v>
      </c>
      <c r="E16" s="188">
        <v>0.191</v>
      </c>
      <c r="F16" s="94">
        <v>8.0499617489774439E-2</v>
      </c>
      <c r="G16" s="188">
        <v>0.14899999999999999</v>
      </c>
      <c r="H16" s="94">
        <v>7.388043270041128E-2</v>
      </c>
      <c r="I16" s="188">
        <v>0.66</v>
      </c>
      <c r="J16" s="94">
        <v>9.5164497581818816E-2</v>
      </c>
      <c r="K16" s="188">
        <v>0</v>
      </c>
      <c r="L16" s="94">
        <v>2.8000000000000001E-2</v>
      </c>
      <c r="M16" s="53">
        <v>96</v>
      </c>
      <c r="N16" s="84">
        <v>6.24</v>
      </c>
      <c r="O16" s="85">
        <v>0.23519999999999999</v>
      </c>
      <c r="P16" s="188">
        <v>1E-3</v>
      </c>
      <c r="Q16" s="94">
        <v>2.8929592107683665E-2</v>
      </c>
      <c r="R16" s="188">
        <v>3.9E-2</v>
      </c>
      <c r="S16" s="94">
        <v>4.6841868728084025E-2</v>
      </c>
      <c r="T16" s="188">
        <v>0.871</v>
      </c>
      <c r="U16" s="94">
        <v>7.0569632630810689E-2</v>
      </c>
      <c r="V16" s="188">
        <v>0.09</v>
      </c>
      <c r="W16" s="94">
        <v>6.2022940495697329E-2</v>
      </c>
    </row>
    <row r="17" spans="1:23">
      <c r="A17" s="49" t="s">
        <v>442</v>
      </c>
      <c r="B17" s="49">
        <v>80</v>
      </c>
      <c r="C17" s="170">
        <v>5.31</v>
      </c>
      <c r="D17" s="130">
        <v>0.3528</v>
      </c>
      <c r="E17" s="189">
        <v>0.17299999999999999</v>
      </c>
      <c r="F17" s="97">
        <v>8.5359811246823264E-2</v>
      </c>
      <c r="G17" s="189">
        <v>6.5000000000000002E-2</v>
      </c>
      <c r="H17" s="97">
        <v>6.1088283865697E-2</v>
      </c>
      <c r="I17" s="189">
        <v>0.76200000000000001</v>
      </c>
      <c r="J17" s="97">
        <v>9.4551036478095651E-2</v>
      </c>
      <c r="K17" s="189">
        <v>0</v>
      </c>
      <c r="L17" s="97">
        <v>3.326848242884628E-2</v>
      </c>
      <c r="M17" s="49">
        <v>81</v>
      </c>
      <c r="N17" s="170">
        <v>5.46</v>
      </c>
      <c r="O17" s="130">
        <v>0.31359999999999999</v>
      </c>
      <c r="P17" s="189">
        <v>6.5000000000000002E-2</v>
      </c>
      <c r="Q17" s="97">
        <v>6.1088283865697E-2</v>
      </c>
      <c r="R17" s="189">
        <v>0.14399999999999999</v>
      </c>
      <c r="S17" s="97">
        <v>8.0192242831758034E-2</v>
      </c>
      <c r="T17" s="189">
        <v>0.71799999999999997</v>
      </c>
      <c r="U17" s="97">
        <v>9.9257800716776978E-2</v>
      </c>
      <c r="V17" s="189">
        <v>7.2999999999999995E-2</v>
      </c>
      <c r="W17" s="97">
        <v>6.3479363809269773E-2</v>
      </c>
    </row>
    <row r="18" spans="1:23">
      <c r="A18" s="45" t="s">
        <v>446</v>
      </c>
      <c r="B18" s="186">
        <v>116</v>
      </c>
      <c r="C18" s="84">
        <v>4.13</v>
      </c>
      <c r="D18" s="85">
        <v>0.29399999999999998</v>
      </c>
      <c r="E18" s="188">
        <v>0.36399999999999999</v>
      </c>
      <c r="F18" s="94">
        <v>8.8075065626913862E-2</v>
      </c>
      <c r="G18" s="188">
        <v>0.159</v>
      </c>
      <c r="H18" s="94">
        <v>6.8639606048683868E-2</v>
      </c>
      <c r="I18" s="188">
        <v>0.44700000000000001</v>
      </c>
      <c r="J18" s="94">
        <v>9.0806597696341348E-2</v>
      </c>
      <c r="K18" s="188">
        <v>2.9000000000000001E-2</v>
      </c>
      <c r="L18" s="94">
        <v>3.7727933948203417E-2</v>
      </c>
      <c r="M18" s="186">
        <v>117</v>
      </c>
      <c r="N18" s="84">
        <v>5.3</v>
      </c>
      <c r="O18" s="85">
        <v>0.27440000000000003</v>
      </c>
      <c r="P18" s="188">
        <v>0.115</v>
      </c>
      <c r="Q18" s="94">
        <v>6.1239914438767501E-2</v>
      </c>
      <c r="R18" s="188">
        <v>0.11</v>
      </c>
      <c r="S18" s="94">
        <v>6.0238561538762565E-2</v>
      </c>
      <c r="T18" s="188">
        <v>0.67400000000000004</v>
      </c>
      <c r="U18" s="94">
        <v>8.6330448505658602E-2</v>
      </c>
      <c r="V18" s="188">
        <v>0.10100000000000001</v>
      </c>
      <c r="W18" s="94">
        <v>5.8358991243137308E-2</v>
      </c>
    </row>
    <row r="19" spans="1:23">
      <c r="A19" s="49" t="s">
        <v>447</v>
      </c>
      <c r="B19" s="187">
        <v>107</v>
      </c>
      <c r="C19" s="170">
        <v>4.49</v>
      </c>
      <c r="D19" s="130">
        <v>0.29399999999999998</v>
      </c>
      <c r="E19" s="189">
        <v>0.253</v>
      </c>
      <c r="F19" s="97">
        <v>8.3463067088760695E-2</v>
      </c>
      <c r="G19" s="189">
        <v>0.224</v>
      </c>
      <c r="H19" s="97">
        <v>8.0362969447556623E-2</v>
      </c>
      <c r="I19" s="189">
        <v>0.52300000000000002</v>
      </c>
      <c r="J19" s="97">
        <v>9.4822439882052897E-2</v>
      </c>
      <c r="K19" s="189">
        <v>0</v>
      </c>
      <c r="L19" s="97">
        <v>2.5250720474759302E-2</v>
      </c>
      <c r="M19" s="187">
        <v>108</v>
      </c>
      <c r="N19" s="170">
        <v>5.69</v>
      </c>
      <c r="O19" s="130">
        <v>0.25480000000000003</v>
      </c>
      <c r="P19" s="189">
        <v>2.7E-2</v>
      </c>
      <c r="Q19" s="97">
        <v>3.9194786295211163E-2</v>
      </c>
      <c r="R19" s="189">
        <v>0.113</v>
      </c>
      <c r="S19" s="97">
        <v>6.3510986667647679E-2</v>
      </c>
      <c r="T19" s="189">
        <v>0.752</v>
      </c>
      <c r="U19" s="97">
        <v>8.3346047623118827E-2</v>
      </c>
      <c r="V19" s="189">
        <v>0.108</v>
      </c>
      <c r="W19" s="97">
        <v>6.2466972093695006E-2</v>
      </c>
    </row>
    <row r="20" spans="1:23" ht="25.5">
      <c r="A20" s="45" t="s">
        <v>448</v>
      </c>
      <c r="B20" s="54">
        <v>148</v>
      </c>
      <c r="C20" s="84">
        <v>4.53</v>
      </c>
      <c r="D20" s="85">
        <v>0.29399999999999998</v>
      </c>
      <c r="E20" s="188">
        <v>0.29399999999999998</v>
      </c>
      <c r="F20" s="94">
        <v>7.4298134472679897E-2</v>
      </c>
      <c r="G20" s="188">
        <v>0.193</v>
      </c>
      <c r="H20" s="94">
        <v>6.50194716368689E-2</v>
      </c>
      <c r="I20" s="188">
        <v>0.51300000000000001</v>
      </c>
      <c r="J20" s="94">
        <v>8.10847149105621E-2</v>
      </c>
      <c r="K20" s="188">
        <v>0</v>
      </c>
      <c r="L20" s="94">
        <v>1.8485246281217643E-2</v>
      </c>
      <c r="M20" s="54">
        <v>149</v>
      </c>
      <c r="N20" s="84">
        <v>5.36</v>
      </c>
      <c r="O20" s="85">
        <v>0.25480000000000003</v>
      </c>
      <c r="P20" s="188">
        <v>7.0999999999999994E-2</v>
      </c>
      <c r="Q20" s="94">
        <v>4.4579295467085847E-2</v>
      </c>
      <c r="R20" s="188">
        <v>0.13100000000000001</v>
      </c>
      <c r="S20" s="94">
        <v>5.6408070087934595E-2</v>
      </c>
      <c r="T20" s="188">
        <v>0.65300000000000002</v>
      </c>
      <c r="U20" s="94">
        <v>7.7426848568714804E-2</v>
      </c>
      <c r="V20" s="188">
        <v>0.14499999999999999</v>
      </c>
      <c r="W20" s="94">
        <v>5.8606767124556119E-2</v>
      </c>
    </row>
    <row r="21" spans="1:23">
      <c r="A21" s="49" t="s">
        <v>449</v>
      </c>
      <c r="B21" s="187">
        <v>195</v>
      </c>
      <c r="C21" s="170">
        <v>5.28</v>
      </c>
      <c r="D21" s="130">
        <v>0.19600000000000001</v>
      </c>
      <c r="E21" s="189">
        <v>0.106</v>
      </c>
      <c r="F21" s="97">
        <v>4.5044238039709916E-2</v>
      </c>
      <c r="G21" s="189">
        <v>0.15</v>
      </c>
      <c r="H21" s="97">
        <v>5.1583007099485829E-2</v>
      </c>
      <c r="I21" s="189">
        <v>0.74</v>
      </c>
      <c r="J21" s="97">
        <v>6.2557279199958835E-2</v>
      </c>
      <c r="K21" s="189">
        <v>4.0000000000000001E-3</v>
      </c>
      <c r="L21" s="97">
        <v>1.6639658721778548E-2</v>
      </c>
      <c r="M21" s="187">
        <v>195</v>
      </c>
      <c r="N21" s="170">
        <v>5.3</v>
      </c>
      <c r="O21" s="130">
        <v>0.19600000000000001</v>
      </c>
      <c r="P21" s="189">
        <v>9.7000000000000003E-2</v>
      </c>
      <c r="Q21" s="97">
        <v>4.3480345443462222E-2</v>
      </c>
      <c r="R21" s="189">
        <v>0.112</v>
      </c>
      <c r="S21" s="97">
        <v>4.6038479814998978E-2</v>
      </c>
      <c r="T21" s="189">
        <v>0.70599999999999996</v>
      </c>
      <c r="U21" s="97">
        <v>6.4854351612578423E-2</v>
      </c>
      <c r="V21" s="189">
        <v>8.5000000000000006E-2</v>
      </c>
      <c r="W21" s="97">
        <v>4.1244225175562164E-2</v>
      </c>
    </row>
    <row r="22" spans="1:23">
      <c r="A22" s="57" t="s">
        <v>450</v>
      </c>
      <c r="B22" s="186">
        <v>132</v>
      </c>
      <c r="C22" s="84">
        <v>5.31</v>
      </c>
      <c r="D22" s="85">
        <v>0.25480000000000003</v>
      </c>
      <c r="E22" s="188">
        <v>0.128</v>
      </c>
      <c r="F22" s="94">
        <v>5.9318811110105577E-2</v>
      </c>
      <c r="G22" s="188">
        <v>9.9000000000000005E-2</v>
      </c>
      <c r="H22" s="94">
        <v>5.3829464144230121E-2</v>
      </c>
      <c r="I22" s="188">
        <v>0.77300000000000002</v>
      </c>
      <c r="J22" s="94">
        <v>7.2718350174257568E-2</v>
      </c>
      <c r="K22" s="188">
        <v>0</v>
      </c>
      <c r="L22" s="94">
        <v>2.0643770871594677E-2</v>
      </c>
      <c r="M22" s="186">
        <v>135</v>
      </c>
      <c r="N22" s="84">
        <v>5.77</v>
      </c>
      <c r="O22" s="85">
        <v>0.19600000000000001</v>
      </c>
      <c r="P22" s="188">
        <v>7.0000000000000001E-3</v>
      </c>
      <c r="Q22" s="94">
        <v>2.4429112987290801E-2</v>
      </c>
      <c r="R22" s="188">
        <v>6.8000000000000005E-2</v>
      </c>
      <c r="S22" s="94">
        <v>4.6134742788406888E-2</v>
      </c>
      <c r="T22" s="188">
        <v>0.73799999999999999</v>
      </c>
      <c r="U22" s="94">
        <v>7.5210817110793249E-2</v>
      </c>
      <c r="V22" s="188">
        <v>0.187</v>
      </c>
      <c r="W22" s="94">
        <v>6.7341794146124873E-2</v>
      </c>
    </row>
    <row r="23" spans="1:23">
      <c r="A23" s="49" t="s">
        <v>443</v>
      </c>
      <c r="B23" s="187">
        <v>74</v>
      </c>
      <c r="C23" s="170">
        <v>5.3</v>
      </c>
      <c r="D23" s="130">
        <v>0.31359999999999999</v>
      </c>
      <c r="E23" s="189">
        <v>0.11700000000000001</v>
      </c>
      <c r="F23" s="97">
        <v>7.7780181957048028E-2</v>
      </c>
      <c r="G23" s="189">
        <v>0.105</v>
      </c>
      <c r="H23" s="97">
        <v>7.4958874860233934E-2</v>
      </c>
      <c r="I23" s="189">
        <v>0.77800000000000002</v>
      </c>
      <c r="J23" s="97">
        <v>9.6194066363507705E-2</v>
      </c>
      <c r="K23" s="189">
        <v>0</v>
      </c>
      <c r="L23" s="97">
        <v>3.5793971305236552E-2</v>
      </c>
      <c r="M23" s="187">
        <v>76</v>
      </c>
      <c r="N23" s="170">
        <v>6</v>
      </c>
      <c r="O23" s="130">
        <v>0.27440000000000003</v>
      </c>
      <c r="P23" s="189">
        <v>0</v>
      </c>
      <c r="Q23" s="97">
        <v>3.4910600109422353E-2</v>
      </c>
      <c r="R23" s="189">
        <v>2.8000000000000001E-2</v>
      </c>
      <c r="S23" s="97">
        <v>4.9465867019592408E-2</v>
      </c>
      <c r="T23" s="189">
        <v>0.73199999999999998</v>
      </c>
      <c r="U23" s="97">
        <v>0.10035532870754797</v>
      </c>
      <c r="V23" s="189">
        <v>0.24</v>
      </c>
      <c r="W23" s="97">
        <v>9.7208795898313646E-2</v>
      </c>
    </row>
    <row r="24" spans="1:23">
      <c r="A24" s="57" t="s">
        <v>451</v>
      </c>
      <c r="B24" s="186">
        <v>152</v>
      </c>
      <c r="C24" s="84">
        <v>4.04</v>
      </c>
      <c r="D24" s="85">
        <v>0.27440000000000003</v>
      </c>
      <c r="E24" s="188">
        <v>0.36799999999999999</v>
      </c>
      <c r="F24" s="94">
        <v>7.736992108184676E-2</v>
      </c>
      <c r="G24" s="188">
        <v>0.154</v>
      </c>
      <c r="H24" s="94">
        <v>5.9127106306501934E-2</v>
      </c>
      <c r="I24" s="188">
        <v>0.47799999999999998</v>
      </c>
      <c r="J24" s="94">
        <v>7.9990464544077849E-2</v>
      </c>
      <c r="K24" s="188">
        <v>0</v>
      </c>
      <c r="L24" s="94">
        <v>1.8014344193057537E-2</v>
      </c>
      <c r="M24" s="186">
        <v>153</v>
      </c>
      <c r="N24" s="84">
        <v>5.5</v>
      </c>
      <c r="O24" s="85">
        <v>0.23519999999999999</v>
      </c>
      <c r="P24" s="188">
        <v>5.0999999999999997E-2</v>
      </c>
      <c r="Q24" s="94">
        <v>3.9058986062550517E-2</v>
      </c>
      <c r="R24" s="188">
        <v>0.14699999999999999</v>
      </c>
      <c r="S24" s="94">
        <v>5.8505217292089469E-2</v>
      </c>
      <c r="T24" s="188">
        <v>0.68700000000000006</v>
      </c>
      <c r="U24" s="94">
        <v>7.5045264192419525E-2</v>
      </c>
      <c r="V24" s="188">
        <v>0.115</v>
      </c>
      <c r="W24" s="94">
        <v>5.3300179088902611E-2</v>
      </c>
    </row>
    <row r="32" spans="1:23" ht="18.75">
      <c r="A32" s="316" t="s">
        <v>49</v>
      </c>
      <c r="B32" s="316"/>
      <c r="C32" s="316"/>
      <c r="D32" s="316"/>
      <c r="E32" s="316"/>
      <c r="F32" s="316"/>
      <c r="G32" s="316"/>
      <c r="H32" s="316"/>
      <c r="I32" s="316"/>
      <c r="J32" s="316"/>
      <c r="K32" s="316"/>
      <c r="L32" s="316"/>
      <c r="M32" s="316"/>
      <c r="N32" s="316"/>
      <c r="O32" s="316"/>
      <c r="P32" s="316"/>
      <c r="Q32" s="316"/>
      <c r="R32" s="316"/>
      <c r="S32" s="316"/>
      <c r="T32" s="316"/>
      <c r="U32" s="316"/>
      <c r="V32" s="316"/>
      <c r="W32" s="316"/>
    </row>
    <row r="33" spans="1:23" ht="56.25" customHeight="1">
      <c r="A33" s="386" t="s">
        <v>487</v>
      </c>
      <c r="B33" s="386"/>
      <c r="C33" s="386"/>
      <c r="D33" s="386"/>
      <c r="E33" s="386"/>
      <c r="F33" s="386"/>
      <c r="G33" s="386"/>
      <c r="H33" s="386"/>
      <c r="I33" s="386"/>
      <c r="J33" s="386"/>
      <c r="K33" s="386"/>
      <c r="L33" s="386"/>
      <c r="M33" s="386"/>
      <c r="N33" s="386"/>
      <c r="O33" s="386"/>
      <c r="P33" s="386"/>
      <c r="Q33" s="386"/>
      <c r="R33" s="386"/>
      <c r="S33" s="386"/>
      <c r="T33" s="386"/>
      <c r="U33" s="386"/>
      <c r="V33" s="386"/>
      <c r="W33" s="386"/>
    </row>
    <row r="34" spans="1:23" ht="36" customHeight="1">
      <c r="A34" s="64"/>
      <c r="B34" s="376" t="s">
        <v>164</v>
      </c>
      <c r="C34" s="377"/>
      <c r="D34" s="377"/>
      <c r="E34" s="377"/>
      <c r="F34" s="377"/>
      <c r="G34" s="377"/>
      <c r="H34" s="377"/>
      <c r="I34" s="377"/>
      <c r="J34" s="377"/>
      <c r="K34" s="377"/>
      <c r="L34" s="378"/>
      <c r="M34" s="379" t="s">
        <v>165</v>
      </c>
      <c r="N34" s="380"/>
      <c r="O34" s="380"/>
      <c r="P34" s="380"/>
      <c r="Q34" s="380"/>
      <c r="R34" s="380"/>
      <c r="S34" s="380"/>
      <c r="T34" s="380"/>
      <c r="U34" s="380"/>
      <c r="V34" s="380"/>
      <c r="W34" s="380"/>
    </row>
    <row r="35" spans="1:23" ht="41.25" customHeight="1">
      <c r="A35" s="37" t="s">
        <v>85</v>
      </c>
      <c r="B35" s="38" t="s">
        <v>86</v>
      </c>
      <c r="C35" s="39" t="s">
        <v>87</v>
      </c>
      <c r="D35" s="40" t="s">
        <v>88</v>
      </c>
      <c r="E35" s="38" t="s">
        <v>367</v>
      </c>
      <c r="F35" s="89" t="s">
        <v>162</v>
      </c>
      <c r="G35" s="38" t="s">
        <v>368</v>
      </c>
      <c r="H35" s="89" t="s">
        <v>163</v>
      </c>
      <c r="I35" s="38" t="s">
        <v>369</v>
      </c>
      <c r="J35" s="89" t="s">
        <v>136</v>
      </c>
      <c r="K35" s="38" t="s">
        <v>356</v>
      </c>
      <c r="L35" s="89" t="s">
        <v>370</v>
      </c>
      <c r="M35" s="65" t="s">
        <v>86</v>
      </c>
      <c r="N35" s="66" t="s">
        <v>87</v>
      </c>
      <c r="O35" s="67" t="s">
        <v>88</v>
      </c>
      <c r="P35" s="65" t="s">
        <v>367</v>
      </c>
      <c r="Q35" s="88" t="s">
        <v>162</v>
      </c>
      <c r="R35" s="65" t="s">
        <v>371</v>
      </c>
      <c r="S35" s="88" t="s">
        <v>372</v>
      </c>
      <c r="T35" s="65" t="s">
        <v>369</v>
      </c>
      <c r="U35" s="88" t="s">
        <v>136</v>
      </c>
      <c r="V35" s="65" t="s">
        <v>356</v>
      </c>
      <c r="W35" s="88" t="s">
        <v>370</v>
      </c>
    </row>
    <row r="36" spans="1:23" ht="72">
      <c r="A36" s="41"/>
      <c r="B36" s="42" t="s">
        <v>89</v>
      </c>
      <c r="C36" s="126" t="s">
        <v>359</v>
      </c>
      <c r="D36" s="44" t="s">
        <v>91</v>
      </c>
      <c r="E36" s="42" t="s">
        <v>181</v>
      </c>
      <c r="F36" s="91" t="s">
        <v>104</v>
      </c>
      <c r="G36" s="42" t="s">
        <v>182</v>
      </c>
      <c r="H36" s="91" t="s">
        <v>104</v>
      </c>
      <c r="I36" s="42" t="s">
        <v>183</v>
      </c>
      <c r="J36" s="91" t="s">
        <v>104</v>
      </c>
      <c r="K36" s="42" t="s">
        <v>356</v>
      </c>
      <c r="L36" s="91" t="s">
        <v>104</v>
      </c>
      <c r="M36" s="68" t="s">
        <v>89</v>
      </c>
      <c r="N36" s="272" t="s">
        <v>359</v>
      </c>
      <c r="O36" s="70" t="s">
        <v>91</v>
      </c>
      <c r="P36" s="68" t="s">
        <v>181</v>
      </c>
      <c r="Q36" s="90" t="s">
        <v>104</v>
      </c>
      <c r="R36" s="68" t="s">
        <v>182</v>
      </c>
      <c r="S36" s="90" t="s">
        <v>104</v>
      </c>
      <c r="T36" s="68" t="s">
        <v>183</v>
      </c>
      <c r="U36" s="90" t="s">
        <v>104</v>
      </c>
      <c r="V36" s="68" t="s">
        <v>356</v>
      </c>
      <c r="W36" s="90" t="s">
        <v>104</v>
      </c>
    </row>
    <row r="37" spans="1:23">
      <c r="A37" s="45" t="s">
        <v>435</v>
      </c>
      <c r="B37" s="186">
        <v>10997</v>
      </c>
      <c r="C37" s="84">
        <v>4.3899999999999997</v>
      </c>
      <c r="D37" s="85">
        <v>3.9199999999999999E-2</v>
      </c>
      <c r="E37" s="188">
        <v>0.26700000000000002</v>
      </c>
      <c r="F37" s="94">
        <v>8.4365585026298495E-3</v>
      </c>
      <c r="G37" s="188">
        <v>0.224</v>
      </c>
      <c r="H37" s="94">
        <v>7.9512967459353778E-3</v>
      </c>
      <c r="I37" s="188">
        <v>0.504</v>
      </c>
      <c r="J37" s="94">
        <v>9.5338876527077572E-3</v>
      </c>
      <c r="K37" s="188">
        <v>6.0000000000000001E-3</v>
      </c>
      <c r="L37" s="94">
        <v>1.4943376847884457E-3</v>
      </c>
      <c r="M37" s="186">
        <v>10977</v>
      </c>
      <c r="N37" s="84">
        <v>3.88</v>
      </c>
      <c r="O37" s="85">
        <v>3.9199999999999999E-2</v>
      </c>
      <c r="P37" s="188">
        <v>0.41699999999999998</v>
      </c>
      <c r="Q37" s="94">
        <v>9.4105679895937332E-3</v>
      </c>
      <c r="R37" s="188">
        <v>0.15</v>
      </c>
      <c r="S37" s="94">
        <v>6.8173572997118521E-3</v>
      </c>
      <c r="T37" s="188">
        <v>0.40899999999999997</v>
      </c>
      <c r="U37" s="94">
        <v>9.383608132361736E-3</v>
      </c>
      <c r="V37" s="188">
        <v>2.5000000000000001E-2</v>
      </c>
      <c r="W37" s="94">
        <v>2.9897889479471949E-3</v>
      </c>
    </row>
    <row r="38" spans="1:23">
      <c r="A38" s="49" t="s">
        <v>436</v>
      </c>
      <c r="B38" s="49">
        <v>8852</v>
      </c>
      <c r="C38" s="170">
        <v>4.1399999999999997</v>
      </c>
      <c r="D38" s="130">
        <v>3.9199999999999999E-2</v>
      </c>
      <c r="E38" s="189">
        <v>0.32900000000000001</v>
      </c>
      <c r="F38" s="97">
        <v>9.9861106946665928E-3</v>
      </c>
      <c r="G38" s="189">
        <v>0.24099999999999999</v>
      </c>
      <c r="H38" s="97">
        <v>9.0910178186695816E-3</v>
      </c>
      <c r="I38" s="189">
        <v>0.42899999999999999</v>
      </c>
      <c r="J38" s="97">
        <v>1.0518696579988291E-2</v>
      </c>
      <c r="K38" s="189">
        <v>1E-3</v>
      </c>
      <c r="L38" s="97">
        <v>7.4350009514959753E-4</v>
      </c>
      <c r="M38" s="49">
        <v>8830</v>
      </c>
      <c r="N38" s="170">
        <v>3.23</v>
      </c>
      <c r="O38" s="130">
        <v>3.9199999999999999E-2</v>
      </c>
      <c r="P38" s="189">
        <v>0.55700000000000005</v>
      </c>
      <c r="Q38" s="97">
        <v>1.0570203476782556E-2</v>
      </c>
      <c r="R38" s="189">
        <v>0.15</v>
      </c>
      <c r="S38" s="97">
        <v>7.6014282557568319E-3</v>
      </c>
      <c r="T38" s="189">
        <v>0.26300000000000001</v>
      </c>
      <c r="U38" s="97">
        <v>9.3695747639774892E-3</v>
      </c>
      <c r="V38" s="189">
        <v>0.03</v>
      </c>
      <c r="W38" s="97">
        <v>3.6423787895321488E-3</v>
      </c>
    </row>
    <row r="39" spans="1:23">
      <c r="A39" s="45" t="s">
        <v>437</v>
      </c>
      <c r="B39" s="53">
        <v>1980</v>
      </c>
      <c r="C39" s="84">
        <v>4.99</v>
      </c>
      <c r="D39" s="85">
        <v>5.8799999999999998E-2</v>
      </c>
      <c r="E39" s="188">
        <v>0.13</v>
      </c>
      <c r="F39" s="94">
        <v>1.51372390937506E-2</v>
      </c>
      <c r="G39" s="188">
        <v>0.1817</v>
      </c>
      <c r="H39" s="94">
        <v>1.7337565612587019E-2</v>
      </c>
      <c r="I39" s="188">
        <v>0.67730000000000001</v>
      </c>
      <c r="J39" s="94">
        <v>2.0997855949697764E-2</v>
      </c>
      <c r="K39" s="188">
        <v>1.0999999999999999E-2</v>
      </c>
      <c r="L39" s="94">
        <v>4.8862516158485131E-3</v>
      </c>
      <c r="M39" s="53">
        <v>1983</v>
      </c>
      <c r="N39" s="84">
        <v>5.2</v>
      </c>
      <c r="O39" s="85">
        <v>7.8399999999999997E-2</v>
      </c>
      <c r="P39" s="188">
        <v>0.1368</v>
      </c>
      <c r="Q39" s="94">
        <v>1.5452662235919977E-2</v>
      </c>
      <c r="R39" s="188">
        <v>0.14319999999999999</v>
      </c>
      <c r="S39" s="94">
        <v>1.5748769975711965E-2</v>
      </c>
      <c r="T39" s="188">
        <v>0.70199999999999996</v>
      </c>
      <c r="U39" s="94">
        <v>2.0529484289342082E-2</v>
      </c>
      <c r="V39" s="188">
        <v>1.7999999999999999E-2</v>
      </c>
      <c r="W39" s="94">
        <v>6.120815910818438E-3</v>
      </c>
    </row>
    <row r="40" spans="1:23">
      <c r="A40" s="49" t="s">
        <v>438</v>
      </c>
      <c r="B40" s="49">
        <v>1255</v>
      </c>
      <c r="C40" s="170">
        <v>4.5599999999999996</v>
      </c>
      <c r="D40" s="130">
        <v>7.8399999999999997E-2</v>
      </c>
      <c r="E40" s="189">
        <v>0.22900000000000001</v>
      </c>
      <c r="F40" s="97">
        <v>2.371561194124748E-2</v>
      </c>
      <c r="G40" s="189">
        <v>0.23300000000000001</v>
      </c>
      <c r="H40" s="97">
        <v>2.3858416670510921E-2</v>
      </c>
      <c r="I40" s="189">
        <v>0.53700000000000003</v>
      </c>
      <c r="J40" s="97">
        <v>2.810621435944383E-2</v>
      </c>
      <c r="K40" s="189">
        <v>1E-3</v>
      </c>
      <c r="L40" s="97">
        <v>2.8623163132417296E-3</v>
      </c>
      <c r="M40" s="49">
        <v>1252</v>
      </c>
      <c r="N40" s="170">
        <v>3.84</v>
      </c>
      <c r="O40" s="130">
        <v>0.1176</v>
      </c>
      <c r="P40" s="189">
        <v>0.40899999999999997</v>
      </c>
      <c r="Q40" s="97">
        <v>2.774839533053209E-2</v>
      </c>
      <c r="R40" s="189">
        <v>0.17199999999999999</v>
      </c>
      <c r="S40" s="97">
        <v>2.1347903523893697E-2</v>
      </c>
      <c r="T40" s="189">
        <v>0.40300000000000002</v>
      </c>
      <c r="U40" s="97">
        <v>2.7684001364493362E-2</v>
      </c>
      <c r="V40" s="189">
        <v>1.6E-2</v>
      </c>
      <c r="W40" s="97">
        <v>7.4084004039556908E-3</v>
      </c>
    </row>
    <row r="41" spans="1:23">
      <c r="A41" s="45" t="s">
        <v>439</v>
      </c>
      <c r="B41" s="53">
        <v>896</v>
      </c>
      <c r="C41" s="84">
        <v>4.25</v>
      </c>
      <c r="D41" s="85">
        <v>9.8000000000000004E-2</v>
      </c>
      <c r="E41" s="188">
        <v>0.32</v>
      </c>
      <c r="F41" s="94">
        <v>3.1118937428303472E-2</v>
      </c>
      <c r="G41" s="188">
        <v>0.22900000000000001</v>
      </c>
      <c r="H41" s="94">
        <v>2.8064240449564532E-2</v>
      </c>
      <c r="I41" s="188">
        <v>0.45200000000000001</v>
      </c>
      <c r="J41" s="94">
        <v>3.3180746390967887E-2</v>
      </c>
      <c r="K41" s="188">
        <v>0</v>
      </c>
      <c r="L41" s="94">
        <v>3.1392029778395691E-3</v>
      </c>
      <c r="M41" s="53">
        <v>893</v>
      </c>
      <c r="N41" s="84">
        <v>3.13</v>
      </c>
      <c r="O41" s="85">
        <v>0.1176</v>
      </c>
      <c r="P41" s="188">
        <v>0.58699999999999997</v>
      </c>
      <c r="Q41" s="94">
        <v>3.2884267483932236E-2</v>
      </c>
      <c r="R41" s="188">
        <v>0.155</v>
      </c>
      <c r="S41" s="94">
        <v>2.4264812883022308E-2</v>
      </c>
      <c r="T41" s="188">
        <v>0.23599999999999999</v>
      </c>
      <c r="U41" s="94">
        <v>2.8404170563651035E-2</v>
      </c>
      <c r="V41" s="188">
        <v>2.1999999999999999E-2</v>
      </c>
      <c r="W41" s="94">
        <v>1.0247596541933227E-2</v>
      </c>
    </row>
    <row r="42" spans="1:23">
      <c r="A42" s="49" t="s">
        <v>444</v>
      </c>
      <c r="B42" s="49">
        <v>102</v>
      </c>
      <c r="C42" s="170">
        <v>5.08</v>
      </c>
      <c r="D42" s="130">
        <v>0.25480000000000003</v>
      </c>
      <c r="E42" s="189">
        <v>7.0000000000000007E-2</v>
      </c>
      <c r="F42" s="97">
        <v>5.4527618217421164E-2</v>
      </c>
      <c r="G42" s="189">
        <v>0.26900000000000002</v>
      </c>
      <c r="H42" s="97">
        <v>8.7002550282066271E-2</v>
      </c>
      <c r="I42" s="189">
        <v>0.65600000000000003</v>
      </c>
      <c r="J42" s="97">
        <v>9.2647847151906507E-2</v>
      </c>
      <c r="K42" s="189">
        <v>5.0000000000000001E-3</v>
      </c>
      <c r="L42" s="97">
        <v>2.9536378992594363E-2</v>
      </c>
      <c r="M42" s="49">
        <v>102</v>
      </c>
      <c r="N42" s="170">
        <v>5.34</v>
      </c>
      <c r="O42" s="130">
        <v>0.25480000000000003</v>
      </c>
      <c r="P42" s="189">
        <v>7.0000000000000007E-2</v>
      </c>
      <c r="Q42" s="97">
        <v>5.4527618217421164E-2</v>
      </c>
      <c r="R42" s="189">
        <v>0.123</v>
      </c>
      <c r="S42" s="97">
        <v>6.6841215986222266E-2</v>
      </c>
      <c r="T42" s="189">
        <v>0.80200000000000005</v>
      </c>
      <c r="U42" s="97">
        <v>7.9038907729212085E-2</v>
      </c>
      <c r="V42" s="189">
        <v>5.0000000000000001E-3</v>
      </c>
      <c r="W42" s="97">
        <v>2.9536378992594363E-2</v>
      </c>
    </row>
    <row r="43" spans="1:23">
      <c r="A43" s="45" t="s">
        <v>445</v>
      </c>
      <c r="B43" s="53">
        <v>305</v>
      </c>
      <c r="C43" s="84">
        <v>4.26</v>
      </c>
      <c r="D43" s="85">
        <v>0.1764</v>
      </c>
      <c r="E43" s="188">
        <v>0.32</v>
      </c>
      <c r="F43" s="94">
        <v>5.3175341098653843E-2</v>
      </c>
      <c r="G43" s="188">
        <v>0.216</v>
      </c>
      <c r="H43" s="94">
        <v>4.7106388643692418E-2</v>
      </c>
      <c r="I43" s="188">
        <v>0.46400000000000002</v>
      </c>
      <c r="J43" s="94">
        <v>5.6744169678859362E-2</v>
      </c>
      <c r="K43" s="188">
        <v>0</v>
      </c>
      <c r="L43" s="94">
        <v>9.1238148197782878E-3</v>
      </c>
      <c r="M43" s="53">
        <v>303</v>
      </c>
      <c r="N43" s="84">
        <v>2.71</v>
      </c>
      <c r="O43" s="85">
        <v>0.19600000000000001</v>
      </c>
      <c r="P43" s="188">
        <v>0.69299999999999995</v>
      </c>
      <c r="Q43" s="94">
        <v>5.27689740148116E-2</v>
      </c>
      <c r="R43" s="188">
        <v>0.11</v>
      </c>
      <c r="S43" s="94">
        <v>3.6426302726398165E-2</v>
      </c>
      <c r="T43" s="188">
        <v>0.16900000000000001</v>
      </c>
      <c r="U43" s="94">
        <v>4.3206256387322624E-2</v>
      </c>
      <c r="V43" s="188">
        <v>2.7E-2</v>
      </c>
      <c r="W43" s="94">
        <v>2.0439181488345563E-2</v>
      </c>
    </row>
    <row r="44" spans="1:23">
      <c r="A44" s="49" t="s">
        <v>440</v>
      </c>
      <c r="B44" s="49">
        <v>106</v>
      </c>
      <c r="C44" s="170">
        <v>3.75</v>
      </c>
      <c r="D44" s="130">
        <v>0.27440000000000003</v>
      </c>
      <c r="E44" s="189">
        <v>0.49</v>
      </c>
      <c r="F44" s="97">
        <v>9.5328549667284448E-2</v>
      </c>
      <c r="G44" s="189">
        <v>0.193</v>
      </c>
      <c r="H44" s="97">
        <v>7.6866080934290162E-2</v>
      </c>
      <c r="I44" s="189">
        <v>0.317</v>
      </c>
      <c r="J44" s="97">
        <v>8.9219296865268916E-2</v>
      </c>
      <c r="K44" s="189">
        <v>0</v>
      </c>
      <c r="L44" s="97">
        <v>2.5478147263468021E-2</v>
      </c>
      <c r="M44" s="49">
        <v>105</v>
      </c>
      <c r="N44" s="170">
        <v>2.2000000000000002</v>
      </c>
      <c r="O44" s="130">
        <v>0.29399999999999998</v>
      </c>
      <c r="P44" s="189">
        <v>0.78900000000000003</v>
      </c>
      <c r="Q44" s="97">
        <v>7.9562220743778653E-2</v>
      </c>
      <c r="R44" s="189">
        <v>7.8E-2</v>
      </c>
      <c r="S44" s="97">
        <v>5.5767065265608373E-2</v>
      </c>
      <c r="T44" s="189">
        <v>0.11700000000000001</v>
      </c>
      <c r="U44" s="97">
        <v>6.4645716440155793E-2</v>
      </c>
      <c r="V44" s="189">
        <v>1.6E-2</v>
      </c>
      <c r="W44" s="97">
        <v>3.4599480918748773E-2</v>
      </c>
    </row>
    <row r="45" spans="1:23">
      <c r="A45" s="45" t="s">
        <v>441</v>
      </c>
      <c r="B45" s="53">
        <v>96</v>
      </c>
      <c r="C45" s="84">
        <v>4.55</v>
      </c>
      <c r="D45" s="85">
        <v>0.29399999999999998</v>
      </c>
      <c r="E45" s="188">
        <v>0.214</v>
      </c>
      <c r="F45" s="94">
        <v>8.3574351663653373E-2</v>
      </c>
      <c r="G45" s="188">
        <v>0.19500000000000001</v>
      </c>
      <c r="H45" s="94">
        <v>8.1060017271155332E-2</v>
      </c>
      <c r="I45" s="188">
        <v>0.59099999999999997</v>
      </c>
      <c r="J45" s="94">
        <v>9.8461816030377985E-2</v>
      </c>
      <c r="K45" s="188">
        <v>0</v>
      </c>
      <c r="L45" s="94">
        <v>2.8000000000000001E-2</v>
      </c>
      <c r="M45" s="53">
        <v>95</v>
      </c>
      <c r="N45" s="84">
        <v>2.73</v>
      </c>
      <c r="O45" s="85">
        <v>0.3332</v>
      </c>
      <c r="P45" s="188">
        <v>0.68300000000000005</v>
      </c>
      <c r="Q45" s="94">
        <v>9.4101280378244986E-2</v>
      </c>
      <c r="R45" s="188">
        <v>0.123</v>
      </c>
      <c r="S45" s="94">
        <v>6.937648658408864E-2</v>
      </c>
      <c r="T45" s="188">
        <v>0.14000000000000001</v>
      </c>
      <c r="U45" s="94">
        <v>7.2658369563790931E-2</v>
      </c>
      <c r="V45" s="188">
        <v>5.3999999999999999E-2</v>
      </c>
      <c r="W45" s="94">
        <v>5.1964748160271662E-2</v>
      </c>
    </row>
    <row r="46" spans="1:23">
      <c r="A46" s="49" t="s">
        <v>442</v>
      </c>
      <c r="B46" s="49">
        <v>80</v>
      </c>
      <c r="C46" s="170">
        <v>4.58</v>
      </c>
      <c r="D46" s="130">
        <v>0.29399999999999998</v>
      </c>
      <c r="E46" s="189">
        <v>0.223</v>
      </c>
      <c r="F46" s="97">
        <v>9.2685986804240394E-2</v>
      </c>
      <c r="G46" s="189">
        <v>0.22700000000000001</v>
      </c>
      <c r="H46" s="97">
        <v>9.3197179601714808E-2</v>
      </c>
      <c r="I46" s="189">
        <v>0.55000000000000004</v>
      </c>
      <c r="J46" s="97">
        <v>0.10861299279987394</v>
      </c>
      <c r="K46" s="189">
        <v>0</v>
      </c>
      <c r="L46" s="97">
        <v>3.326848242884628E-2</v>
      </c>
      <c r="M46" s="49">
        <v>80</v>
      </c>
      <c r="N46" s="170">
        <v>3.16</v>
      </c>
      <c r="O46" s="130">
        <v>0.37240000000000001</v>
      </c>
      <c r="P46" s="189">
        <v>0.57099999999999995</v>
      </c>
      <c r="Q46" s="97">
        <v>0.10810657536917931</v>
      </c>
      <c r="R46" s="189">
        <v>0.151</v>
      </c>
      <c r="S46" s="97">
        <v>8.1510414904018794E-2</v>
      </c>
      <c r="T46" s="189">
        <v>0.25800000000000001</v>
      </c>
      <c r="U46" s="97">
        <v>9.6825991596998576E-2</v>
      </c>
      <c r="V46" s="189">
        <v>2.1000000000000001E-2</v>
      </c>
      <c r="W46" s="97">
        <v>4.4662890440822174E-2</v>
      </c>
    </row>
    <row r="47" spans="1:23">
      <c r="A47" s="45" t="s">
        <v>446</v>
      </c>
      <c r="B47" s="186">
        <v>116</v>
      </c>
      <c r="C47" s="84">
        <v>4.45</v>
      </c>
      <c r="D47" s="85">
        <v>0.23519999999999999</v>
      </c>
      <c r="E47" s="188">
        <v>0.22800000000000001</v>
      </c>
      <c r="F47" s="94">
        <v>7.7645790231929135E-2</v>
      </c>
      <c r="G47" s="188">
        <v>0.26400000000000001</v>
      </c>
      <c r="H47" s="94">
        <v>8.1231189047520871E-2</v>
      </c>
      <c r="I47" s="188">
        <v>0.50800000000000001</v>
      </c>
      <c r="J47" s="94">
        <v>9.1276173516706166E-2</v>
      </c>
      <c r="K47" s="188">
        <v>0</v>
      </c>
      <c r="L47" s="94">
        <v>2.3372982186625143E-2</v>
      </c>
      <c r="M47" s="186">
        <v>116</v>
      </c>
      <c r="N47" s="84">
        <v>2.99</v>
      </c>
      <c r="O47" s="85">
        <v>0.3528</v>
      </c>
      <c r="P47" s="188">
        <v>0.59699999999999998</v>
      </c>
      <c r="Q47" s="94">
        <v>8.9667499170030432E-2</v>
      </c>
      <c r="R47" s="188">
        <v>0.124</v>
      </c>
      <c r="S47" s="94">
        <v>6.2687580434570456E-2</v>
      </c>
      <c r="T47" s="188">
        <v>0.26900000000000002</v>
      </c>
      <c r="U47" s="94">
        <v>8.1677640759267769E-2</v>
      </c>
      <c r="V47" s="188">
        <v>0.01</v>
      </c>
      <c r="W47" s="94">
        <v>2.9234619254626237E-2</v>
      </c>
    </row>
    <row r="48" spans="1:23">
      <c r="A48" s="49" t="s">
        <v>447</v>
      </c>
      <c r="B48" s="187">
        <v>106</v>
      </c>
      <c r="C48" s="170">
        <v>4.17</v>
      </c>
      <c r="D48" s="130">
        <v>0.27440000000000003</v>
      </c>
      <c r="E48" s="189">
        <v>0.26400000000000001</v>
      </c>
      <c r="F48" s="97">
        <v>8.4912997308691826E-2</v>
      </c>
      <c r="G48" s="189">
        <v>0.27900000000000003</v>
      </c>
      <c r="H48" s="97">
        <v>8.6265233613711675E-2</v>
      </c>
      <c r="I48" s="189">
        <v>0.45700000000000002</v>
      </c>
      <c r="J48" s="97">
        <v>9.5018281067591512E-2</v>
      </c>
      <c r="K48" s="189">
        <v>0</v>
      </c>
      <c r="L48" s="97">
        <v>2.5478147263468021E-2</v>
      </c>
      <c r="M48" s="187">
        <v>106</v>
      </c>
      <c r="N48" s="170">
        <v>3.01</v>
      </c>
      <c r="O48" s="130">
        <v>0.3332</v>
      </c>
      <c r="P48" s="189">
        <v>0.59099999999999997</v>
      </c>
      <c r="Q48" s="97">
        <v>9.3868438778151805E-2</v>
      </c>
      <c r="R48" s="189">
        <v>0.182</v>
      </c>
      <c r="S48" s="97">
        <v>7.5340863001868152E-2</v>
      </c>
      <c r="T48" s="189">
        <v>0.19600000000000001</v>
      </c>
      <c r="U48" s="97">
        <v>7.7267648330899316E-2</v>
      </c>
      <c r="V48" s="189">
        <v>3.1E-2</v>
      </c>
      <c r="W48" s="97">
        <v>4.0785606246991547E-2</v>
      </c>
    </row>
    <row r="49" spans="1:23" ht="25.5">
      <c r="A49" s="45" t="s">
        <v>448</v>
      </c>
      <c r="B49" s="54">
        <v>147</v>
      </c>
      <c r="C49" s="84">
        <v>4.28</v>
      </c>
      <c r="D49" s="85">
        <v>0.25480000000000003</v>
      </c>
      <c r="E49" s="188">
        <v>0.34300000000000003</v>
      </c>
      <c r="F49" s="94">
        <v>7.7483535614855173E-2</v>
      </c>
      <c r="G49" s="188">
        <v>0.23499999999999999</v>
      </c>
      <c r="H49" s="94">
        <v>6.9710138033573399E-2</v>
      </c>
      <c r="I49" s="188">
        <v>0.42199999999999999</v>
      </c>
      <c r="J49" s="94">
        <v>8.0434920728292517E-2</v>
      </c>
      <c r="K49" s="188">
        <v>0</v>
      </c>
      <c r="L49" s="94">
        <v>1.8606843582156651E-2</v>
      </c>
      <c r="M49" s="54">
        <v>147</v>
      </c>
      <c r="N49" s="84">
        <v>3.74</v>
      </c>
      <c r="O49" s="85">
        <v>0.31359999999999999</v>
      </c>
      <c r="P49" s="188">
        <v>0.42399999999999999</v>
      </c>
      <c r="Q49" s="94">
        <v>8.0482972587636481E-2</v>
      </c>
      <c r="R49" s="188">
        <v>0.216</v>
      </c>
      <c r="S49" s="94">
        <v>6.7805832514671011E-2</v>
      </c>
      <c r="T49" s="188">
        <v>0.33700000000000002</v>
      </c>
      <c r="U49" s="94">
        <v>7.7171862051980775E-2</v>
      </c>
      <c r="V49" s="188">
        <v>2.4E-2</v>
      </c>
      <c r="W49" s="94">
        <v>3.0565978040225091E-2</v>
      </c>
    </row>
    <row r="50" spans="1:23">
      <c r="A50" s="49" t="s">
        <v>449</v>
      </c>
      <c r="B50" s="187">
        <v>195</v>
      </c>
      <c r="C50" s="170">
        <v>4.88</v>
      </c>
      <c r="D50" s="130">
        <v>0.19600000000000001</v>
      </c>
      <c r="E50" s="189">
        <v>0.14899999999999999</v>
      </c>
      <c r="F50" s="97">
        <v>5.1451695079347951E-2</v>
      </c>
      <c r="G50" s="189">
        <v>0.22600000000000001</v>
      </c>
      <c r="H50" s="97">
        <v>5.9800639932354648E-2</v>
      </c>
      <c r="I50" s="189">
        <v>0.621</v>
      </c>
      <c r="J50" s="97">
        <v>6.8866146113825619E-2</v>
      </c>
      <c r="K50" s="189">
        <v>4.0000000000000001E-3</v>
      </c>
      <c r="L50" s="97">
        <v>1.6639658721778548E-2</v>
      </c>
      <c r="M50" s="187">
        <v>194</v>
      </c>
      <c r="N50" s="170">
        <v>4.79</v>
      </c>
      <c r="O50" s="130">
        <v>0.27440000000000003</v>
      </c>
      <c r="P50" s="189">
        <v>0.20399999999999999</v>
      </c>
      <c r="Q50" s="97">
        <v>5.7890227437198155E-2</v>
      </c>
      <c r="R50" s="189">
        <v>0.19500000000000001</v>
      </c>
      <c r="S50" s="97">
        <v>5.6976979286226526E-2</v>
      </c>
      <c r="T50" s="189">
        <v>0.59</v>
      </c>
      <c r="U50" s="97">
        <v>6.995293756218364E-2</v>
      </c>
      <c r="V50" s="189">
        <v>1.0999999999999999E-2</v>
      </c>
      <c r="W50" s="97">
        <v>2.0322085361607303E-2</v>
      </c>
    </row>
    <row r="51" spans="1:23">
      <c r="A51" s="57" t="s">
        <v>450</v>
      </c>
      <c r="B51" s="186">
        <v>133</v>
      </c>
      <c r="C51" s="84">
        <v>5</v>
      </c>
      <c r="D51" s="85">
        <v>0.23519999999999999</v>
      </c>
      <c r="E51" s="188">
        <v>0.13200000000000001</v>
      </c>
      <c r="F51" s="94">
        <v>5.9772934327031742E-2</v>
      </c>
      <c r="G51" s="188">
        <v>0.17499999999999999</v>
      </c>
      <c r="H51" s="94">
        <v>6.6278078445024993E-2</v>
      </c>
      <c r="I51" s="188">
        <v>0.69299999999999995</v>
      </c>
      <c r="J51" s="94">
        <v>7.9210404546110127E-2</v>
      </c>
      <c r="K51" s="188">
        <v>0</v>
      </c>
      <c r="L51" s="94">
        <v>2.0494202685054641E-2</v>
      </c>
      <c r="M51" s="186">
        <v>134</v>
      </c>
      <c r="N51" s="84">
        <v>4.13</v>
      </c>
      <c r="O51" s="85">
        <v>0.29399999999999998</v>
      </c>
      <c r="P51" s="188">
        <v>0.312</v>
      </c>
      <c r="Q51" s="94">
        <v>7.9249236805954817E-2</v>
      </c>
      <c r="R51" s="188">
        <v>0.26</v>
      </c>
      <c r="S51" s="94">
        <v>7.5313978000906528E-2</v>
      </c>
      <c r="T51" s="188">
        <v>0.41199999999999998</v>
      </c>
      <c r="U51" s="94">
        <v>8.3873338138149511E-2</v>
      </c>
      <c r="V51" s="188">
        <v>1.6E-2</v>
      </c>
      <c r="W51" s="94">
        <v>2.9056289965679067E-2</v>
      </c>
    </row>
    <row r="52" spans="1:23">
      <c r="A52" s="49" t="s">
        <v>443</v>
      </c>
      <c r="B52" s="187">
        <v>74</v>
      </c>
      <c r="C52" s="170">
        <v>5.08</v>
      </c>
      <c r="D52" s="130">
        <v>0.3332</v>
      </c>
      <c r="E52" s="189">
        <v>0.129</v>
      </c>
      <c r="F52" s="97">
        <v>8.0420067219055397E-2</v>
      </c>
      <c r="G52" s="189">
        <v>0.13700000000000001</v>
      </c>
      <c r="H52" s="97">
        <v>8.208789432172002E-2</v>
      </c>
      <c r="I52" s="189">
        <v>0.73499999999999999</v>
      </c>
      <c r="J52" s="97">
        <v>0.10134831261546084</v>
      </c>
      <c r="K52" s="189">
        <v>0</v>
      </c>
      <c r="L52" s="97">
        <v>3.5793971305236552E-2</v>
      </c>
      <c r="M52" s="187">
        <v>75</v>
      </c>
      <c r="N52" s="170">
        <v>4.1399999999999997</v>
      </c>
      <c r="O52" s="130">
        <v>0.3528</v>
      </c>
      <c r="P52" s="189">
        <v>0.27900000000000003</v>
      </c>
      <c r="Q52" s="97">
        <v>0.10212420107269192</v>
      </c>
      <c r="R52" s="189">
        <v>0.28000000000000003</v>
      </c>
      <c r="S52" s="97">
        <v>0.10222268646210821</v>
      </c>
      <c r="T52" s="189">
        <v>0.42499999999999999</v>
      </c>
      <c r="U52" s="97">
        <v>0.11136215285258549</v>
      </c>
      <c r="V52" s="189">
        <v>1.4999999999999999E-2</v>
      </c>
      <c r="W52" s="97">
        <v>4.385950456619532E-2</v>
      </c>
    </row>
    <row r="53" spans="1:23">
      <c r="A53" s="57" t="s">
        <v>451</v>
      </c>
      <c r="B53" s="186">
        <v>150</v>
      </c>
      <c r="C53" s="84">
        <v>3.77</v>
      </c>
      <c r="D53" s="85">
        <v>0.25480000000000003</v>
      </c>
      <c r="E53" s="188">
        <v>0.42799999999999999</v>
      </c>
      <c r="F53" s="94">
        <v>7.9785719731864449E-2</v>
      </c>
      <c r="G53" s="188">
        <v>0.25800000000000001</v>
      </c>
      <c r="H53" s="94">
        <v>7.1065869483598429E-2</v>
      </c>
      <c r="I53" s="188">
        <v>0.314</v>
      </c>
      <c r="J53" s="94">
        <v>7.5106479325682748E-2</v>
      </c>
      <c r="K53" s="188">
        <v>0</v>
      </c>
      <c r="L53" s="94">
        <v>1.8246757748421008E-2</v>
      </c>
      <c r="M53" s="186">
        <v>150</v>
      </c>
      <c r="N53" s="84">
        <v>2.68</v>
      </c>
      <c r="O53" s="85">
        <v>0.27440000000000003</v>
      </c>
      <c r="P53" s="188">
        <v>0.64900000000000002</v>
      </c>
      <c r="Q53" s="94">
        <v>7.7113059314110222E-2</v>
      </c>
      <c r="R53" s="188">
        <v>0.17299999999999999</v>
      </c>
      <c r="S53" s="94">
        <v>6.2117110509352549E-2</v>
      </c>
      <c r="T53" s="188">
        <v>0.16500000000000001</v>
      </c>
      <c r="U53" s="94">
        <v>6.1057596298368717E-2</v>
      </c>
      <c r="V53" s="188">
        <v>1.2999999999999999E-2</v>
      </c>
      <c r="W53" s="94">
        <v>2.5478007557635723E-2</v>
      </c>
    </row>
    <row r="61" spans="1:23" ht="18.75">
      <c r="A61" s="316" t="s">
        <v>50</v>
      </c>
      <c r="B61" s="316"/>
      <c r="C61" s="316"/>
      <c r="D61" s="316"/>
      <c r="E61" s="316"/>
      <c r="F61" s="316"/>
      <c r="G61" s="316"/>
      <c r="H61" s="316"/>
      <c r="I61" s="316"/>
      <c r="J61" s="316"/>
      <c r="K61" s="316"/>
      <c r="L61" s="316"/>
      <c r="M61" s="316"/>
      <c r="N61" s="316"/>
      <c r="O61" s="316"/>
      <c r="P61" s="316"/>
      <c r="Q61" s="316"/>
      <c r="R61" s="316"/>
      <c r="S61" s="316"/>
      <c r="T61" s="316"/>
      <c r="U61" s="316"/>
      <c r="V61" s="316"/>
      <c r="W61" s="316"/>
    </row>
    <row r="62" spans="1:23" ht="35.25" customHeight="1">
      <c r="A62" s="385" t="s">
        <v>488</v>
      </c>
      <c r="B62" s="385"/>
      <c r="C62" s="385"/>
      <c r="D62" s="385"/>
      <c r="E62" s="385"/>
      <c r="F62" s="385"/>
      <c r="G62" s="385"/>
      <c r="H62" s="385"/>
      <c r="I62" s="385"/>
      <c r="J62" s="385"/>
      <c r="K62" s="385"/>
      <c r="L62" s="385"/>
      <c r="M62" s="385"/>
      <c r="N62" s="385"/>
      <c r="O62" s="385"/>
      <c r="P62" s="385"/>
      <c r="Q62" s="385"/>
      <c r="R62" s="385"/>
      <c r="S62" s="385"/>
      <c r="T62" s="385"/>
      <c r="U62" s="385"/>
      <c r="V62" s="385"/>
      <c r="W62" s="385"/>
    </row>
    <row r="63" spans="1:23" ht="37.5" customHeight="1">
      <c r="A63" s="64"/>
      <c r="B63" s="376" t="s">
        <v>273</v>
      </c>
      <c r="C63" s="377"/>
      <c r="D63" s="377"/>
      <c r="E63" s="377"/>
      <c r="F63" s="377"/>
      <c r="G63" s="377"/>
      <c r="H63" s="377"/>
      <c r="I63" s="377"/>
      <c r="J63" s="377"/>
      <c r="K63" s="377"/>
      <c r="L63" s="378"/>
      <c r="M63" s="376" t="s">
        <v>274</v>
      </c>
      <c r="N63" s="377"/>
      <c r="O63" s="377"/>
      <c r="P63" s="377"/>
      <c r="Q63" s="377"/>
      <c r="R63" s="377"/>
      <c r="S63" s="377"/>
      <c r="T63" s="377"/>
      <c r="U63" s="377"/>
      <c r="V63" s="377"/>
      <c r="W63" s="378"/>
    </row>
    <row r="64" spans="1:23" ht="39" customHeight="1">
      <c r="A64" s="37" t="s">
        <v>85</v>
      </c>
      <c r="B64" s="38" t="s">
        <v>86</v>
      </c>
      <c r="C64" s="39" t="s">
        <v>87</v>
      </c>
      <c r="D64" s="40" t="s">
        <v>88</v>
      </c>
      <c r="E64" s="38" t="s">
        <v>367</v>
      </c>
      <c r="F64" s="89" t="s">
        <v>162</v>
      </c>
      <c r="G64" s="38" t="s">
        <v>368</v>
      </c>
      <c r="H64" s="89" t="s">
        <v>163</v>
      </c>
      <c r="I64" s="38" t="s">
        <v>369</v>
      </c>
      <c r="J64" s="89" t="s">
        <v>136</v>
      </c>
      <c r="K64" s="38" t="s">
        <v>356</v>
      </c>
      <c r="L64" s="89" t="s">
        <v>370</v>
      </c>
      <c r="M64" s="65" t="s">
        <v>86</v>
      </c>
      <c r="N64" s="66" t="s">
        <v>87</v>
      </c>
      <c r="O64" s="67" t="s">
        <v>88</v>
      </c>
      <c r="P64" s="65" t="s">
        <v>403</v>
      </c>
      <c r="Q64" s="88" t="s">
        <v>404</v>
      </c>
      <c r="R64" s="65" t="s">
        <v>405</v>
      </c>
      <c r="S64" s="88" t="s">
        <v>406</v>
      </c>
      <c r="T64" s="65" t="s">
        <v>354</v>
      </c>
      <c r="U64" s="88" t="s">
        <v>407</v>
      </c>
      <c r="V64" s="65" t="s">
        <v>356</v>
      </c>
      <c r="W64" s="88" t="s">
        <v>370</v>
      </c>
    </row>
    <row r="65" spans="1:23" ht="72">
      <c r="A65" s="41"/>
      <c r="B65" s="42" t="s">
        <v>89</v>
      </c>
      <c r="C65" s="126" t="s">
        <v>359</v>
      </c>
      <c r="D65" s="44" t="s">
        <v>91</v>
      </c>
      <c r="E65" s="42" t="s">
        <v>181</v>
      </c>
      <c r="F65" s="91" t="s">
        <v>104</v>
      </c>
      <c r="G65" s="42" t="s">
        <v>182</v>
      </c>
      <c r="H65" s="91" t="s">
        <v>104</v>
      </c>
      <c r="I65" s="42" t="s">
        <v>183</v>
      </c>
      <c r="J65" s="91" t="s">
        <v>104</v>
      </c>
      <c r="K65" s="42" t="s">
        <v>356</v>
      </c>
      <c r="L65" s="91" t="s">
        <v>104</v>
      </c>
      <c r="M65" s="68" t="s">
        <v>89</v>
      </c>
      <c r="N65" s="272" t="s">
        <v>359</v>
      </c>
      <c r="O65" s="70" t="s">
        <v>91</v>
      </c>
      <c r="P65" s="68" t="s">
        <v>181</v>
      </c>
      <c r="Q65" s="90" t="s">
        <v>104</v>
      </c>
      <c r="R65" s="68" t="s">
        <v>182</v>
      </c>
      <c r="S65" s="90" t="s">
        <v>104</v>
      </c>
      <c r="T65" s="68" t="s">
        <v>183</v>
      </c>
      <c r="U65" s="90" t="s">
        <v>104</v>
      </c>
      <c r="V65" s="68" t="s">
        <v>356</v>
      </c>
      <c r="W65" s="90" t="s">
        <v>104</v>
      </c>
    </row>
    <row r="66" spans="1:23">
      <c r="A66" s="45" t="s">
        <v>435</v>
      </c>
      <c r="B66" s="186">
        <v>10974</v>
      </c>
      <c r="C66" s="84">
        <v>5.05</v>
      </c>
      <c r="D66" s="85">
        <v>3.9199999999999999E-2</v>
      </c>
      <c r="E66" s="188">
        <v>0.17299999999999999</v>
      </c>
      <c r="F66" s="94">
        <v>7.2220817888584603E-3</v>
      </c>
      <c r="G66" s="188">
        <v>0.15</v>
      </c>
      <c r="H66" s="94">
        <v>6.8182893901301313E-3</v>
      </c>
      <c r="I66" s="188">
        <v>0.66600000000000004</v>
      </c>
      <c r="J66" s="94">
        <v>9.0032296634387169E-3</v>
      </c>
      <c r="K66" s="188">
        <v>1.2E-2</v>
      </c>
      <c r="L66" s="94">
        <v>2.0935935476015023E-3</v>
      </c>
      <c r="M66" s="186">
        <v>11021</v>
      </c>
      <c r="N66" s="84">
        <v>3.66</v>
      </c>
      <c r="O66" s="85">
        <v>3.9199999999999999E-2</v>
      </c>
      <c r="P66" s="188">
        <v>0.16900000000000001</v>
      </c>
      <c r="Q66" s="94">
        <v>7.140151503402874E-3</v>
      </c>
      <c r="R66" s="188">
        <v>0.34299999999999997</v>
      </c>
      <c r="S66" s="94">
        <v>9.0424824045543337E-3</v>
      </c>
      <c r="T66" s="188">
        <v>0.46899999999999997</v>
      </c>
      <c r="U66" s="94">
        <v>9.5055004426834646E-3</v>
      </c>
      <c r="V66" s="188">
        <v>1.9E-2</v>
      </c>
      <c r="W66" s="94">
        <v>2.6121537351062162E-3</v>
      </c>
    </row>
    <row r="67" spans="1:23">
      <c r="A67" s="49" t="s">
        <v>436</v>
      </c>
      <c r="B67" s="49">
        <v>8828</v>
      </c>
      <c r="C67" s="170">
        <v>4.8899999999999997</v>
      </c>
      <c r="D67" s="130">
        <v>3.9199999999999999E-2</v>
      </c>
      <c r="E67" s="189">
        <v>0.20799999999999999</v>
      </c>
      <c r="F67" s="97">
        <v>8.6396565869103596E-3</v>
      </c>
      <c r="G67" s="189">
        <v>0.16</v>
      </c>
      <c r="H67" s="97">
        <v>7.8049328985811709E-3</v>
      </c>
      <c r="I67" s="189">
        <v>0.625</v>
      </c>
      <c r="J67" s="97">
        <v>1.0303130897152412E-2</v>
      </c>
      <c r="K67" s="189">
        <v>7.0000000000000001E-3</v>
      </c>
      <c r="L67" s="97">
        <v>1.8021604418710663E-3</v>
      </c>
      <c r="M67" s="49">
        <v>8875</v>
      </c>
      <c r="N67" s="170">
        <v>3.64</v>
      </c>
      <c r="O67" s="130">
        <v>3.9199999999999999E-2</v>
      </c>
      <c r="P67" s="189">
        <v>0.18</v>
      </c>
      <c r="Q67" s="97">
        <v>8.1569313846374756E-3</v>
      </c>
      <c r="R67" s="189">
        <v>0.31899999999999995</v>
      </c>
      <c r="S67" s="97">
        <v>9.8934180736553867E-3</v>
      </c>
      <c r="T67" s="189">
        <v>0.495</v>
      </c>
      <c r="U67" s="97">
        <v>1.0611976406735786E-2</v>
      </c>
      <c r="V67" s="189">
        <v>7.0000000000000001E-3</v>
      </c>
      <c r="W67" s="97">
        <v>1.797238361110935E-3</v>
      </c>
    </row>
    <row r="68" spans="1:23">
      <c r="A68" s="45" t="s">
        <v>437</v>
      </c>
      <c r="B68" s="53">
        <v>1981</v>
      </c>
      <c r="C68" s="84">
        <v>5.38</v>
      </c>
      <c r="D68" s="85">
        <v>5.8799999999999998E-2</v>
      </c>
      <c r="E68" s="188">
        <v>0.1065</v>
      </c>
      <c r="F68" s="94">
        <v>1.3892800854297369E-2</v>
      </c>
      <c r="G68" s="188">
        <v>0.13109999999999999</v>
      </c>
      <c r="H68" s="94">
        <v>1.5187207907680907E-2</v>
      </c>
      <c r="I68" s="188">
        <v>0.74199999999999999</v>
      </c>
      <c r="J68" s="94">
        <v>1.96529992525457E-2</v>
      </c>
      <c r="K68" s="188">
        <v>2.0400000000000001E-2</v>
      </c>
      <c r="L68" s="94">
        <v>6.4912144846174221E-3</v>
      </c>
      <c r="M68" s="53">
        <v>1984</v>
      </c>
      <c r="N68" s="84">
        <v>3.65</v>
      </c>
      <c r="O68" s="85">
        <v>7.8399999999999997E-2</v>
      </c>
      <c r="P68" s="188">
        <v>0.15229999999999999</v>
      </c>
      <c r="Q68" s="94">
        <v>1.6147628833673031E-2</v>
      </c>
      <c r="R68" s="188">
        <v>0.36819999999999997</v>
      </c>
      <c r="S68" s="94">
        <v>2.163807816512426E-2</v>
      </c>
      <c r="T68" s="188">
        <v>0.44189999999999996</v>
      </c>
      <c r="U68" s="94">
        <v>2.2276746647629256E-2</v>
      </c>
      <c r="V68" s="188">
        <v>3.7499999999999999E-2</v>
      </c>
      <c r="W68" s="94">
        <v>8.6228457202624908E-3</v>
      </c>
    </row>
    <row r="69" spans="1:23">
      <c r="A69" s="49" t="s">
        <v>438</v>
      </c>
      <c r="B69" s="49">
        <v>1258</v>
      </c>
      <c r="C69" s="170">
        <v>5.01</v>
      </c>
      <c r="D69" s="130">
        <v>9.8000000000000004E-2</v>
      </c>
      <c r="E69" s="189">
        <v>0.16400000000000001</v>
      </c>
      <c r="F69" s="97">
        <v>2.0900377225039214E-2</v>
      </c>
      <c r="G69" s="189">
        <v>0.182</v>
      </c>
      <c r="H69" s="97">
        <v>2.1769286125457837E-2</v>
      </c>
      <c r="I69" s="189">
        <v>0.64700000000000002</v>
      </c>
      <c r="J69" s="97">
        <v>2.6913476760038368E-2</v>
      </c>
      <c r="K69" s="189">
        <v>7.0000000000000001E-3</v>
      </c>
      <c r="L69" s="97">
        <v>5.1872331838364091E-3</v>
      </c>
      <c r="M69" s="49">
        <v>1260</v>
      </c>
      <c r="N69" s="170">
        <v>3.83</v>
      </c>
      <c r="O69" s="130">
        <v>9.8000000000000004E-2</v>
      </c>
      <c r="P69" s="189">
        <v>0.192</v>
      </c>
      <c r="Q69" s="97">
        <v>2.2199858524985374E-2</v>
      </c>
      <c r="R69" s="189">
        <v>0.35399999999999998</v>
      </c>
      <c r="S69" s="97">
        <v>2.6909288425377671E-2</v>
      </c>
      <c r="T69" s="189">
        <v>0.44</v>
      </c>
      <c r="U69" s="97">
        <v>2.7925236349657181E-2</v>
      </c>
      <c r="V69" s="189">
        <v>1.4E-2</v>
      </c>
      <c r="W69" s="97">
        <v>6.9574989200429076E-3</v>
      </c>
    </row>
    <row r="70" spans="1:23">
      <c r="A70" s="45" t="s">
        <v>439</v>
      </c>
      <c r="B70" s="53">
        <v>899</v>
      </c>
      <c r="C70" s="84">
        <v>4.8099999999999996</v>
      </c>
      <c r="D70" s="85">
        <v>0.1176</v>
      </c>
      <c r="E70" s="188">
        <v>0.19900000000000001</v>
      </c>
      <c r="F70" s="94">
        <v>2.6638957549207476E-2</v>
      </c>
      <c r="G70" s="188">
        <v>0.20100000000000001</v>
      </c>
      <c r="H70" s="94">
        <v>2.6737664170574462E-2</v>
      </c>
      <c r="I70" s="188">
        <v>0.59499999999999997</v>
      </c>
      <c r="J70" s="94">
        <v>3.2677136565262888E-2</v>
      </c>
      <c r="K70" s="188">
        <v>6.0000000000000001E-3</v>
      </c>
      <c r="L70" s="94">
        <v>5.9978636754530919E-3</v>
      </c>
      <c r="M70" s="53">
        <v>901</v>
      </c>
      <c r="N70" s="84">
        <v>3.95</v>
      </c>
      <c r="O70" s="85">
        <v>0.1176</v>
      </c>
      <c r="P70" s="188">
        <v>0.23100000000000001</v>
      </c>
      <c r="Q70" s="94">
        <v>2.8070726904232016E-2</v>
      </c>
      <c r="R70" s="188">
        <v>0.32899999999999996</v>
      </c>
      <c r="S70" s="94">
        <v>3.1254924932943524E-2</v>
      </c>
      <c r="T70" s="188">
        <v>0.436</v>
      </c>
      <c r="U70" s="94">
        <v>3.2970110536781221E-2</v>
      </c>
      <c r="V70" s="188">
        <v>4.0000000000000001E-3</v>
      </c>
      <c r="W70" s="94">
        <v>5.2153284679170324E-3</v>
      </c>
    </row>
    <row r="71" spans="1:23">
      <c r="A71" s="49" t="s">
        <v>444</v>
      </c>
      <c r="B71" s="49">
        <v>102</v>
      </c>
      <c r="C71" s="170">
        <v>5.25</v>
      </c>
      <c r="D71" s="130">
        <v>0.27440000000000003</v>
      </c>
      <c r="E71" s="189">
        <v>0.12</v>
      </c>
      <c r="F71" s="97">
        <v>6.6244968033904783E-2</v>
      </c>
      <c r="G71" s="189">
        <v>0.182</v>
      </c>
      <c r="H71" s="97">
        <v>7.6814896354071793E-2</v>
      </c>
      <c r="I71" s="189">
        <v>0.67800000000000005</v>
      </c>
      <c r="J71" s="97">
        <v>9.1251699895769367E-2</v>
      </c>
      <c r="K71" s="189">
        <v>0.02</v>
      </c>
      <c r="L71" s="97">
        <v>3.719433460492675E-2</v>
      </c>
      <c r="M71" s="49">
        <v>102</v>
      </c>
      <c r="N71" s="170">
        <v>3.55</v>
      </c>
      <c r="O71" s="130">
        <v>0.3332</v>
      </c>
      <c r="P71" s="189">
        <v>0.111</v>
      </c>
      <c r="Q71" s="97">
        <v>6.43938273697479E-2</v>
      </c>
      <c r="R71" s="189">
        <v>0.373</v>
      </c>
      <c r="S71" s="97">
        <v>9.4182743965832316E-2</v>
      </c>
      <c r="T71" s="189">
        <v>0.46099999999999997</v>
      </c>
      <c r="U71" s="97">
        <v>9.6854613191676112E-2</v>
      </c>
      <c r="V71" s="189">
        <v>5.5E-2</v>
      </c>
      <c r="W71" s="97">
        <v>5.0146312924080144E-2</v>
      </c>
    </row>
    <row r="72" spans="1:23">
      <c r="A72" s="45" t="s">
        <v>445</v>
      </c>
      <c r="B72" s="53">
        <v>306</v>
      </c>
      <c r="C72" s="84">
        <v>5.01</v>
      </c>
      <c r="D72" s="85">
        <v>0.19600000000000001</v>
      </c>
      <c r="E72" s="188">
        <v>0.155</v>
      </c>
      <c r="F72" s="94">
        <v>4.1585791004789222E-2</v>
      </c>
      <c r="G72" s="188">
        <v>0.14699999999999999</v>
      </c>
      <c r="H72" s="94">
        <v>4.0732957183914287E-2</v>
      </c>
      <c r="I72" s="188">
        <v>0.69799999999999995</v>
      </c>
      <c r="J72" s="94">
        <v>5.2277323638605308E-2</v>
      </c>
      <c r="K72" s="188">
        <v>0</v>
      </c>
      <c r="L72" s="94">
        <v>9.0944787179153899E-3</v>
      </c>
      <c r="M72" s="53">
        <v>306</v>
      </c>
      <c r="N72" s="84">
        <v>3.56</v>
      </c>
      <c r="O72" s="85">
        <v>0.19600000000000001</v>
      </c>
      <c r="P72" s="188">
        <v>0.19500000000000001</v>
      </c>
      <c r="Q72" s="94">
        <v>4.5346004145614488E-2</v>
      </c>
      <c r="R72" s="188">
        <v>0.253</v>
      </c>
      <c r="S72" s="94">
        <v>4.9586063107080809E-2</v>
      </c>
      <c r="T72" s="188">
        <v>0.55199999999999994</v>
      </c>
      <c r="U72" s="94">
        <v>5.6496112392367098E-2</v>
      </c>
      <c r="V72" s="188">
        <v>0</v>
      </c>
      <c r="W72" s="94">
        <v>9.0944787179153899E-3</v>
      </c>
    </row>
    <row r="73" spans="1:23">
      <c r="A73" s="49" t="s">
        <v>440</v>
      </c>
      <c r="B73" s="49">
        <v>106</v>
      </c>
      <c r="C73" s="170">
        <v>4.67</v>
      </c>
      <c r="D73" s="130">
        <v>0.31359999999999999</v>
      </c>
      <c r="E73" s="189">
        <v>0.19800000000000001</v>
      </c>
      <c r="F73" s="97">
        <v>7.7532026895925615E-2</v>
      </c>
      <c r="G73" s="189">
        <v>0.26400000000000001</v>
      </c>
      <c r="H73" s="97">
        <v>8.4912997308691826E-2</v>
      </c>
      <c r="I73" s="189">
        <v>0.53700000000000003</v>
      </c>
      <c r="J73" s="97">
        <v>9.5103532749301403E-2</v>
      </c>
      <c r="K73" s="189">
        <v>0</v>
      </c>
      <c r="L73" s="97">
        <v>2.5478147263468021E-2</v>
      </c>
      <c r="M73" s="49">
        <v>106</v>
      </c>
      <c r="N73" s="170">
        <v>3.76</v>
      </c>
      <c r="O73" s="130">
        <v>0.31359999999999999</v>
      </c>
      <c r="P73" s="189">
        <v>0.189</v>
      </c>
      <c r="Q73" s="97">
        <v>7.6321177570547696E-2</v>
      </c>
      <c r="R73" s="189">
        <v>0.27500000000000002</v>
      </c>
      <c r="S73" s="97">
        <v>8.5915365549858069E-2</v>
      </c>
      <c r="T73" s="189">
        <v>0.53600000000000003</v>
      </c>
      <c r="U73" s="97">
        <v>9.511649141522989E-2</v>
      </c>
      <c r="V73" s="189">
        <v>0</v>
      </c>
      <c r="W73" s="97">
        <v>2.5478147263468021E-2</v>
      </c>
    </row>
    <row r="74" spans="1:23">
      <c r="A74" s="45" t="s">
        <v>441</v>
      </c>
      <c r="B74" s="53">
        <v>96</v>
      </c>
      <c r="C74" s="84">
        <v>5.43</v>
      </c>
      <c r="D74" s="85">
        <v>0.29399999999999998</v>
      </c>
      <c r="E74" s="188">
        <v>9.9000000000000005E-2</v>
      </c>
      <c r="F74" s="94">
        <v>6.3814041840334804E-2</v>
      </c>
      <c r="G74" s="188">
        <v>4.1000000000000002E-2</v>
      </c>
      <c r="H74" s="94">
        <v>4.7259450017959372E-2</v>
      </c>
      <c r="I74" s="188">
        <v>0.86</v>
      </c>
      <c r="J74" s="94">
        <v>7.226635178283182E-2</v>
      </c>
      <c r="K74" s="188">
        <v>0</v>
      </c>
      <c r="L74" s="94">
        <v>2.8000000000000001E-2</v>
      </c>
      <c r="M74" s="53">
        <v>95</v>
      </c>
      <c r="N74" s="84">
        <v>3.21</v>
      </c>
      <c r="O74" s="85">
        <v>0.31359999999999999</v>
      </c>
      <c r="P74" s="188">
        <v>7.3999999999999996E-2</v>
      </c>
      <c r="Q74" s="94">
        <v>5.7872192920072077E-2</v>
      </c>
      <c r="R74" s="188">
        <v>0.32399999999999995</v>
      </c>
      <c r="S74" s="94">
        <v>9.4596761046026573E-2</v>
      </c>
      <c r="T74" s="188">
        <v>0.60199999999999998</v>
      </c>
      <c r="U74" s="94">
        <v>9.855926646129759E-2</v>
      </c>
      <c r="V74" s="188">
        <v>0</v>
      </c>
      <c r="W74" s="94">
        <v>2.8279912978147775E-2</v>
      </c>
    </row>
    <row r="75" spans="1:23">
      <c r="A75" s="49" t="s">
        <v>442</v>
      </c>
      <c r="B75" s="49">
        <v>81</v>
      </c>
      <c r="C75" s="170">
        <v>5.03</v>
      </c>
      <c r="D75" s="130">
        <v>0.3528</v>
      </c>
      <c r="E75" s="189">
        <v>0.17199999999999999</v>
      </c>
      <c r="F75" s="97">
        <v>8.4659401934124717E-2</v>
      </c>
      <c r="G75" s="189">
        <v>0.1</v>
      </c>
      <c r="H75" s="97">
        <v>7.0194519065370373E-2</v>
      </c>
      <c r="I75" s="189">
        <v>0.72799999999999998</v>
      </c>
      <c r="J75" s="97">
        <v>9.7689421785789321E-2</v>
      </c>
      <c r="K75" s="189">
        <v>0</v>
      </c>
      <c r="L75" s="97">
        <v>3.2881805121991139E-2</v>
      </c>
      <c r="M75" s="49">
        <v>81</v>
      </c>
      <c r="N75" s="170">
        <v>3.21</v>
      </c>
      <c r="O75" s="130">
        <v>0.39200000000000002</v>
      </c>
      <c r="P75" s="189">
        <v>0.23200000000000001</v>
      </c>
      <c r="Q75" s="97">
        <v>9.324902756745293E-2</v>
      </c>
      <c r="R75" s="189">
        <v>0.13</v>
      </c>
      <c r="S75" s="97">
        <v>7.6905300462070933E-2</v>
      </c>
      <c r="T75" s="189">
        <v>0.63700000000000001</v>
      </c>
      <c r="U75" s="97">
        <v>0.10470258821457887</v>
      </c>
      <c r="V75" s="189">
        <v>0</v>
      </c>
      <c r="W75" s="97">
        <v>3.2881805121991139E-2</v>
      </c>
    </row>
    <row r="76" spans="1:23">
      <c r="A76" s="45" t="s">
        <v>446</v>
      </c>
      <c r="B76" s="186">
        <v>116</v>
      </c>
      <c r="C76" s="84">
        <v>4.53</v>
      </c>
      <c r="D76" s="85">
        <v>0.3528</v>
      </c>
      <c r="E76" s="188">
        <v>0.25700000000000001</v>
      </c>
      <c r="F76" s="94">
        <v>8.058577004244194E-2</v>
      </c>
      <c r="G76" s="188">
        <v>0.188</v>
      </c>
      <c r="H76" s="94">
        <v>7.2809669687480386E-2</v>
      </c>
      <c r="I76" s="188">
        <v>0.54500000000000004</v>
      </c>
      <c r="J76" s="94">
        <v>9.094096070161857E-2</v>
      </c>
      <c r="K76" s="188">
        <v>1.0999999999999999E-2</v>
      </c>
      <c r="L76" s="94">
        <v>2.9751588192901565E-2</v>
      </c>
      <c r="M76" s="186">
        <v>116</v>
      </c>
      <c r="N76" s="84">
        <v>4.54</v>
      </c>
      <c r="O76" s="85">
        <v>0.31359999999999999</v>
      </c>
      <c r="P76" s="188">
        <v>0.33700000000000002</v>
      </c>
      <c r="Q76" s="94">
        <v>8.6635778897550086E-2</v>
      </c>
      <c r="R76" s="188">
        <v>0.35899999999999999</v>
      </c>
      <c r="S76" s="94">
        <v>8.7829818398992496E-2</v>
      </c>
      <c r="T76" s="188">
        <v>0.29000000000000004</v>
      </c>
      <c r="U76" s="94">
        <v>8.3424816451700995E-2</v>
      </c>
      <c r="V76" s="188">
        <v>1.4999999999999999E-2</v>
      </c>
      <c r="W76" s="94">
        <v>3.1725544679093935E-2</v>
      </c>
    </row>
    <row r="77" spans="1:23">
      <c r="A77" s="49" t="s">
        <v>447</v>
      </c>
      <c r="B77" s="187">
        <v>107</v>
      </c>
      <c r="C77" s="170">
        <v>4.74</v>
      </c>
      <c r="D77" s="130">
        <v>0.31359999999999999</v>
      </c>
      <c r="E77" s="189">
        <v>0.157</v>
      </c>
      <c r="F77" s="97">
        <v>7.1200118609823573E-2</v>
      </c>
      <c r="G77" s="189">
        <v>0.34300000000000003</v>
      </c>
      <c r="H77" s="97">
        <v>9.0463370799304013E-2</v>
      </c>
      <c r="I77" s="189">
        <v>0.48499999999999999</v>
      </c>
      <c r="J77" s="97">
        <v>9.487610204839228E-2</v>
      </c>
      <c r="K77" s="189">
        <v>1.4999999999999999E-2</v>
      </c>
      <c r="L77" s="97">
        <v>3.3650397068284953E-2</v>
      </c>
      <c r="M77" s="187">
        <v>107</v>
      </c>
      <c r="N77" s="170">
        <v>3.53</v>
      </c>
      <c r="O77" s="130">
        <v>0.3332</v>
      </c>
      <c r="P77" s="189">
        <v>0.13900000000000001</v>
      </c>
      <c r="Q77" s="97">
        <v>6.815516747585286E-2</v>
      </c>
      <c r="R77" s="189">
        <v>0.31900000000000001</v>
      </c>
      <c r="S77" s="97">
        <v>8.8949344801702274E-2</v>
      </c>
      <c r="T77" s="189">
        <v>0.54099999999999993</v>
      </c>
      <c r="U77" s="97">
        <v>9.461881233312841E-2</v>
      </c>
      <c r="V77" s="189">
        <v>0</v>
      </c>
      <c r="W77" s="97">
        <v>2.5250720474759302E-2</v>
      </c>
    </row>
    <row r="78" spans="1:23" ht="25.5">
      <c r="A78" s="45" t="s">
        <v>448</v>
      </c>
      <c r="B78" s="54">
        <v>148</v>
      </c>
      <c r="C78" s="84">
        <v>4.45</v>
      </c>
      <c r="D78" s="85">
        <v>0.27440000000000003</v>
      </c>
      <c r="E78" s="188">
        <v>0.26700000000000002</v>
      </c>
      <c r="F78" s="94">
        <v>7.2280651762324816E-2</v>
      </c>
      <c r="G78" s="188">
        <v>0.24399999999999999</v>
      </c>
      <c r="H78" s="94">
        <v>7.0312811985991999E-2</v>
      </c>
      <c r="I78" s="188">
        <v>0.48899999999999999</v>
      </c>
      <c r="J78" s="94">
        <v>8.1092099139130028E-2</v>
      </c>
      <c r="K78" s="188">
        <v>0</v>
      </c>
      <c r="L78" s="94">
        <v>1.8485246281217643E-2</v>
      </c>
      <c r="M78" s="54">
        <v>148</v>
      </c>
      <c r="N78" s="84">
        <v>4.45</v>
      </c>
      <c r="O78" s="85">
        <v>0.27440000000000003</v>
      </c>
      <c r="P78" s="188">
        <v>0.30499999999999999</v>
      </c>
      <c r="Q78" s="94">
        <v>7.503507647953031E-2</v>
      </c>
      <c r="R78" s="188">
        <v>0.38400000000000001</v>
      </c>
      <c r="S78" s="94">
        <v>7.9014137969892692E-2</v>
      </c>
      <c r="T78" s="188">
        <v>0.311</v>
      </c>
      <c r="U78" s="94">
        <v>7.5417140850938785E-2</v>
      </c>
      <c r="V78" s="188">
        <v>0</v>
      </c>
      <c r="W78" s="94">
        <v>1.8485246281217643E-2</v>
      </c>
    </row>
    <row r="79" spans="1:23">
      <c r="A79" s="49" t="s">
        <v>449</v>
      </c>
      <c r="B79" s="187">
        <v>194</v>
      </c>
      <c r="C79" s="170">
        <v>5.32</v>
      </c>
      <c r="D79" s="130">
        <v>0.21559999999999999</v>
      </c>
      <c r="E79" s="189">
        <v>0.10299999999999999</v>
      </c>
      <c r="F79" s="97">
        <v>4.4652353374607469E-2</v>
      </c>
      <c r="G79" s="189">
        <v>0.17599999999999999</v>
      </c>
      <c r="H79" s="97">
        <v>5.4905356874719993E-2</v>
      </c>
      <c r="I79" s="189">
        <v>0.71499999999999997</v>
      </c>
      <c r="J79" s="97">
        <v>6.445165933336286E-2</v>
      </c>
      <c r="K79" s="189">
        <v>6.0000000000000001E-3</v>
      </c>
      <c r="L79" s="97">
        <v>1.7823174130533814E-2</v>
      </c>
      <c r="M79" s="187">
        <v>195</v>
      </c>
      <c r="N79" s="170">
        <v>3.78</v>
      </c>
      <c r="O79" s="130">
        <v>0.25480000000000003</v>
      </c>
      <c r="P79" s="189">
        <v>0.156</v>
      </c>
      <c r="Q79" s="97">
        <v>5.2356223766526537E-2</v>
      </c>
      <c r="R79" s="189">
        <v>0.39100000000000001</v>
      </c>
      <c r="S79" s="97">
        <v>6.9251827667826338E-2</v>
      </c>
      <c r="T79" s="189">
        <v>0.43999999999999995</v>
      </c>
      <c r="U79" s="97">
        <v>7.0396332292160357E-2</v>
      </c>
      <c r="V79" s="189">
        <v>1.2999999999999999E-2</v>
      </c>
      <c r="W79" s="97">
        <v>2.1157275960538759E-2</v>
      </c>
    </row>
    <row r="80" spans="1:23">
      <c r="A80" s="57" t="s">
        <v>450</v>
      </c>
      <c r="B80" s="186">
        <v>134</v>
      </c>
      <c r="C80" s="84">
        <v>5.82</v>
      </c>
      <c r="D80" s="85">
        <v>0.21559999999999999</v>
      </c>
      <c r="E80" s="188">
        <v>2.5000000000000001E-2</v>
      </c>
      <c r="F80" s="94">
        <v>3.2865624139770247E-2</v>
      </c>
      <c r="G80" s="188">
        <v>0.14499999999999999</v>
      </c>
      <c r="H80" s="94">
        <v>6.1661750524925688E-2</v>
      </c>
      <c r="I80" s="188">
        <v>0.82099999999999995</v>
      </c>
      <c r="J80" s="94">
        <v>6.6560601223568217E-2</v>
      </c>
      <c r="K80" s="188">
        <v>8.0000000000000002E-3</v>
      </c>
      <c r="L80" s="94">
        <v>2.5117303494278671E-2</v>
      </c>
      <c r="M80" s="186">
        <v>135</v>
      </c>
      <c r="N80" s="84">
        <v>3.66</v>
      </c>
      <c r="O80" s="85">
        <v>0.29399999999999998</v>
      </c>
      <c r="P80" s="188">
        <v>0.13200000000000001</v>
      </c>
      <c r="Q80" s="94">
        <v>5.9314559697095481E-2</v>
      </c>
      <c r="R80" s="188">
        <v>0.42699999999999999</v>
      </c>
      <c r="S80" s="94">
        <v>8.3961843340232892E-2</v>
      </c>
      <c r="T80" s="188">
        <v>0.43200000000000005</v>
      </c>
      <c r="U80" s="94">
        <v>8.4075728162434735E-2</v>
      </c>
      <c r="V80" s="188">
        <v>8.9999999999999993E-3</v>
      </c>
      <c r="W80" s="94">
        <v>2.5499060667719269E-2</v>
      </c>
    </row>
    <row r="81" spans="1:32">
      <c r="A81" s="49" t="s">
        <v>443</v>
      </c>
      <c r="B81" s="187">
        <v>75</v>
      </c>
      <c r="C81" s="170">
        <v>6.32</v>
      </c>
      <c r="D81" s="130">
        <v>0.23519999999999999</v>
      </c>
      <c r="E81" s="189">
        <v>0</v>
      </c>
      <c r="F81" s="97">
        <v>3.5346768793784435E-2</v>
      </c>
      <c r="G81" s="189">
        <v>0.1</v>
      </c>
      <c r="H81" s="97">
        <v>7.3188620880432348E-2</v>
      </c>
      <c r="I81" s="189">
        <v>0.88500000000000001</v>
      </c>
      <c r="J81" s="97">
        <v>7.6771936914495215E-2</v>
      </c>
      <c r="K81" s="189">
        <v>1.4999999999999999E-2</v>
      </c>
      <c r="L81" s="97">
        <v>4.385950456619532E-2</v>
      </c>
      <c r="M81" s="187">
        <v>76</v>
      </c>
      <c r="N81" s="170">
        <v>3.47</v>
      </c>
      <c r="O81" s="130">
        <v>0.41159999999999997</v>
      </c>
      <c r="P81" s="189">
        <v>0.13700000000000001</v>
      </c>
      <c r="Q81" s="97">
        <v>8.0956308432388394E-2</v>
      </c>
      <c r="R81" s="189">
        <v>0.36199999999999999</v>
      </c>
      <c r="S81" s="97">
        <v>0.10789179533217527</v>
      </c>
      <c r="T81" s="189">
        <v>0.5</v>
      </c>
      <c r="U81" s="97">
        <v>0.11180339887498948</v>
      </c>
      <c r="V81" s="189">
        <v>0</v>
      </c>
      <c r="W81" s="97">
        <v>3.4910600109422353E-2</v>
      </c>
    </row>
    <row r="82" spans="1:32">
      <c r="A82" s="57" t="s">
        <v>451</v>
      </c>
      <c r="B82" s="186">
        <v>151</v>
      </c>
      <c r="C82" s="84">
        <v>4.16</v>
      </c>
      <c r="D82" s="85">
        <v>0.31359999999999999</v>
      </c>
      <c r="E82" s="188">
        <v>0.35499999999999998</v>
      </c>
      <c r="F82" s="94">
        <v>7.7049822039803206E-2</v>
      </c>
      <c r="G82" s="188">
        <v>0.124</v>
      </c>
      <c r="H82" s="94">
        <v>5.4672437642900008E-2</v>
      </c>
      <c r="I82" s="188">
        <v>0.51500000000000001</v>
      </c>
      <c r="J82" s="94">
        <v>8.0287622162437997E-2</v>
      </c>
      <c r="K82" s="188">
        <v>6.0000000000000001E-3</v>
      </c>
      <c r="L82" s="94">
        <v>2.1788949598240761E-2</v>
      </c>
      <c r="M82" s="186">
        <v>151</v>
      </c>
      <c r="N82" s="84">
        <v>3.92</v>
      </c>
      <c r="O82" s="85">
        <v>0.31359999999999999</v>
      </c>
      <c r="P82" s="188">
        <v>0.23699999999999999</v>
      </c>
      <c r="Q82" s="94">
        <v>6.8974974091001187E-2</v>
      </c>
      <c r="R82" s="188">
        <v>0.32</v>
      </c>
      <c r="S82" s="94">
        <v>7.5220223866192246E-2</v>
      </c>
      <c r="T82" s="188">
        <v>0.43600000000000005</v>
      </c>
      <c r="U82" s="94">
        <v>7.9695011966213966E-2</v>
      </c>
      <c r="V82" s="188">
        <v>7.0000000000000001E-3</v>
      </c>
      <c r="W82" s="94">
        <v>2.2336777402277054E-2</v>
      </c>
    </row>
    <row r="90" spans="1:32" ht="18.75">
      <c r="A90" s="324" t="s">
        <v>275</v>
      </c>
      <c r="B90" s="324"/>
      <c r="C90" s="324"/>
      <c r="D90" s="324"/>
      <c r="E90" s="324"/>
      <c r="F90" s="324"/>
      <c r="G90" s="324"/>
      <c r="H90" s="324"/>
      <c r="I90" s="324"/>
      <c r="J90" s="324"/>
      <c r="K90" s="324"/>
      <c r="L90" s="324"/>
      <c r="M90" s="226"/>
      <c r="N90" s="226"/>
      <c r="O90" s="226"/>
      <c r="P90" s="256"/>
      <c r="Q90" s="256"/>
      <c r="R90" s="256"/>
      <c r="S90" s="256"/>
      <c r="T90" s="256"/>
      <c r="U90" s="256"/>
      <c r="V90" s="256"/>
      <c r="W90" s="256"/>
      <c r="X90" s="256"/>
      <c r="Y90" s="256"/>
      <c r="Z90" s="256"/>
      <c r="AA90" s="256"/>
      <c r="AB90" s="256"/>
    </row>
    <row r="91" spans="1:32" ht="34.5" customHeight="1">
      <c r="A91" s="385" t="s">
        <v>489</v>
      </c>
      <c r="B91" s="385"/>
      <c r="C91" s="385"/>
      <c r="D91" s="385"/>
      <c r="E91" s="385"/>
      <c r="F91" s="385"/>
      <c r="G91" s="385"/>
      <c r="H91" s="385"/>
      <c r="I91" s="385"/>
      <c r="J91" s="385"/>
      <c r="K91" s="385"/>
      <c r="L91" s="385"/>
      <c r="M91" s="239"/>
      <c r="N91" s="239"/>
      <c r="O91" s="239"/>
      <c r="P91" s="256"/>
      <c r="Q91" s="256"/>
      <c r="R91" s="256"/>
      <c r="S91" s="256"/>
      <c r="T91" s="256"/>
      <c r="U91" s="256"/>
      <c r="V91" s="256"/>
      <c r="W91" s="256"/>
      <c r="X91" s="256"/>
      <c r="Y91" s="256"/>
      <c r="Z91" s="256"/>
      <c r="AA91" s="256"/>
      <c r="AB91" s="256"/>
    </row>
    <row r="92" spans="1:32" ht="36" customHeight="1">
      <c r="A92" s="64"/>
      <c r="B92" s="376" t="s">
        <v>276</v>
      </c>
      <c r="C92" s="377"/>
      <c r="D92" s="377"/>
      <c r="E92" s="377"/>
      <c r="F92" s="377"/>
      <c r="G92" s="377"/>
      <c r="H92" s="377"/>
      <c r="I92" s="377"/>
      <c r="J92" s="377"/>
      <c r="K92" s="377"/>
      <c r="L92" s="378"/>
      <c r="M92" s="256"/>
      <c r="N92" s="256"/>
      <c r="O92" s="256"/>
      <c r="P92" s="256"/>
      <c r="Q92" s="256"/>
      <c r="R92" s="256"/>
      <c r="S92" s="256"/>
      <c r="T92" s="256"/>
      <c r="U92" s="256"/>
      <c r="V92" s="256"/>
      <c r="W92" s="256"/>
      <c r="X92" s="256"/>
      <c r="Y92" s="256"/>
      <c r="Z92" s="256"/>
      <c r="AA92" s="256"/>
      <c r="AB92" s="256"/>
      <c r="AC92" s="256"/>
      <c r="AD92" s="256"/>
      <c r="AE92" s="256"/>
      <c r="AF92" s="256"/>
    </row>
    <row r="93" spans="1:32" ht="39.75" customHeight="1">
      <c r="A93" s="37" t="s">
        <v>85</v>
      </c>
      <c r="B93" s="38" t="s">
        <v>86</v>
      </c>
      <c r="C93" s="39" t="s">
        <v>87</v>
      </c>
      <c r="D93" s="40" t="s">
        <v>88</v>
      </c>
      <c r="E93" s="38" t="s">
        <v>367</v>
      </c>
      <c r="F93" s="89" t="s">
        <v>162</v>
      </c>
      <c r="G93" s="38" t="s">
        <v>368</v>
      </c>
      <c r="H93" s="89" t="s">
        <v>163</v>
      </c>
      <c r="I93" s="38" t="s">
        <v>369</v>
      </c>
      <c r="J93" s="89" t="s">
        <v>136</v>
      </c>
      <c r="K93" s="38" t="s">
        <v>356</v>
      </c>
      <c r="L93" s="89" t="s">
        <v>370</v>
      </c>
      <c r="M93" s="256"/>
      <c r="N93" s="256"/>
      <c r="O93" s="256"/>
      <c r="P93" s="256"/>
      <c r="Q93" s="256"/>
      <c r="R93" s="256"/>
      <c r="S93" s="256"/>
      <c r="T93" s="256"/>
      <c r="U93" s="256"/>
      <c r="V93" s="256"/>
      <c r="W93" s="256"/>
      <c r="X93" s="256"/>
      <c r="Y93" s="256"/>
      <c r="Z93" s="256"/>
      <c r="AA93" s="256"/>
      <c r="AB93" s="256"/>
      <c r="AC93" s="256"/>
      <c r="AD93" s="256"/>
      <c r="AE93" s="256"/>
      <c r="AF93" s="256"/>
    </row>
    <row r="94" spans="1:32" ht="72">
      <c r="A94" s="41"/>
      <c r="B94" s="42" t="s">
        <v>89</v>
      </c>
      <c r="C94" s="126" t="s">
        <v>359</v>
      </c>
      <c r="D94" s="44" t="s">
        <v>91</v>
      </c>
      <c r="E94" s="42" t="s">
        <v>181</v>
      </c>
      <c r="F94" s="91" t="s">
        <v>104</v>
      </c>
      <c r="G94" s="42" t="s">
        <v>182</v>
      </c>
      <c r="H94" s="91" t="s">
        <v>104</v>
      </c>
      <c r="I94" s="42" t="s">
        <v>183</v>
      </c>
      <c r="J94" s="91" t="s">
        <v>104</v>
      </c>
      <c r="K94" s="42" t="s">
        <v>356</v>
      </c>
      <c r="L94" s="91" t="s">
        <v>104</v>
      </c>
    </row>
    <row r="95" spans="1:32">
      <c r="A95" s="45" t="s">
        <v>435</v>
      </c>
      <c r="B95" s="190">
        <v>11008</v>
      </c>
      <c r="C95" s="84">
        <v>4.67</v>
      </c>
      <c r="D95" s="85">
        <v>1.9599999999999999E-2</v>
      </c>
      <c r="E95" s="188">
        <v>0.189</v>
      </c>
      <c r="F95" s="94">
        <v>7.4634173341499794E-3</v>
      </c>
      <c r="G95" s="188">
        <v>0.216</v>
      </c>
      <c r="H95" s="94">
        <v>7.8443490467367868E-3</v>
      </c>
      <c r="I95" s="188">
        <v>0.56899999999999995</v>
      </c>
      <c r="J95" s="94">
        <v>9.4383205836198036E-3</v>
      </c>
      <c r="K95" s="188">
        <v>2.5999999999999999E-2</v>
      </c>
      <c r="L95" s="94">
        <v>3.0426913391641314E-3</v>
      </c>
    </row>
    <row r="96" spans="1:32">
      <c r="A96" s="49" t="s">
        <v>436</v>
      </c>
      <c r="B96" s="49">
        <v>8860</v>
      </c>
      <c r="C96" s="170">
        <v>4.57</v>
      </c>
      <c r="D96" s="130">
        <v>3.9199999999999999E-2</v>
      </c>
      <c r="E96" s="189">
        <v>0.215</v>
      </c>
      <c r="F96" s="97">
        <v>8.7289791651642898E-3</v>
      </c>
      <c r="G96" s="189">
        <v>0.22</v>
      </c>
      <c r="H96" s="97">
        <v>8.8016331700968512E-3</v>
      </c>
      <c r="I96" s="189">
        <v>0.54900000000000004</v>
      </c>
      <c r="J96" s="97">
        <v>1.0570401050802519E-2</v>
      </c>
      <c r="K96" s="189">
        <v>1.7000000000000001E-2</v>
      </c>
      <c r="L96" s="97">
        <v>2.763341621824688E-3</v>
      </c>
    </row>
    <row r="97" spans="1:45">
      <c r="A97" s="45" t="s">
        <v>437</v>
      </c>
      <c r="B97" s="53">
        <v>1986</v>
      </c>
      <c r="C97" s="84">
        <v>4.92</v>
      </c>
      <c r="D97" s="85">
        <v>5.8799999999999998E-2</v>
      </c>
      <c r="E97" s="188">
        <v>0.13120000000000001</v>
      </c>
      <c r="F97" s="94">
        <v>1.5172892925373804E-2</v>
      </c>
      <c r="G97" s="188">
        <v>0.19359999999999999</v>
      </c>
      <c r="H97" s="94">
        <v>1.7735979477157507E-2</v>
      </c>
      <c r="I97" s="188">
        <v>0.63390000000000002</v>
      </c>
      <c r="J97" s="94">
        <v>2.1601358359796648E-2</v>
      </c>
      <c r="K97" s="188">
        <v>4.1399999999999999E-2</v>
      </c>
      <c r="L97" s="94">
        <v>9.0260008033036035E-3</v>
      </c>
    </row>
    <row r="98" spans="1:45">
      <c r="A98" s="49" t="s">
        <v>438</v>
      </c>
      <c r="B98" s="49">
        <v>1260</v>
      </c>
      <c r="C98" s="170">
        <v>4.63</v>
      </c>
      <c r="D98" s="130">
        <v>7.8399999999999997E-2</v>
      </c>
      <c r="E98" s="189">
        <v>0.192</v>
      </c>
      <c r="F98" s="97">
        <v>2.2199858524985374E-2</v>
      </c>
      <c r="G98" s="189">
        <v>0.222</v>
      </c>
      <c r="H98" s="97">
        <v>2.341185767979604E-2</v>
      </c>
      <c r="I98" s="189">
        <v>0.56299999999999994</v>
      </c>
      <c r="J98" s="97">
        <v>2.7904452738115076E-2</v>
      </c>
      <c r="K98" s="189">
        <v>2.1999999999999999E-2</v>
      </c>
      <c r="L98" s="97">
        <v>8.5239448901442815E-3</v>
      </c>
    </row>
    <row r="99" spans="1:45">
      <c r="A99" s="45" t="s">
        <v>439</v>
      </c>
      <c r="B99" s="53">
        <v>902</v>
      </c>
      <c r="C99" s="84">
        <v>4.49</v>
      </c>
      <c r="D99" s="85">
        <v>9.8000000000000004E-2</v>
      </c>
      <c r="E99" s="188">
        <v>0.219</v>
      </c>
      <c r="F99" s="94">
        <v>2.7535623183524524E-2</v>
      </c>
      <c r="G99" s="188">
        <v>0.22900000000000001</v>
      </c>
      <c r="H99" s="94">
        <v>2.7970818451323702E-2</v>
      </c>
      <c r="I99" s="188">
        <v>0.53600000000000003</v>
      </c>
      <c r="J99" s="94">
        <v>3.3137310054451516E-2</v>
      </c>
      <c r="K99" s="188">
        <v>1.4999999999999999E-2</v>
      </c>
      <c r="L99" s="94">
        <v>8.6244830567299945E-3</v>
      </c>
    </row>
    <row r="100" spans="1:45">
      <c r="A100" s="49" t="s">
        <v>444</v>
      </c>
      <c r="B100" s="49">
        <v>101</v>
      </c>
      <c r="C100" s="170">
        <v>4.91</v>
      </c>
      <c r="D100" s="130">
        <v>0.25480000000000003</v>
      </c>
      <c r="E100" s="189">
        <v>0.1</v>
      </c>
      <c r="F100" s="97">
        <v>6.2322747247959061E-2</v>
      </c>
      <c r="G100" s="189">
        <v>0.23699999999999999</v>
      </c>
      <c r="H100" s="97">
        <v>8.4176829236333836E-2</v>
      </c>
      <c r="I100" s="189">
        <v>0.63700000000000001</v>
      </c>
      <c r="J100" s="97">
        <v>9.4139467071760158E-2</v>
      </c>
      <c r="K100" s="189">
        <v>2.5999999999999999E-2</v>
      </c>
      <c r="L100" s="97">
        <v>4.0055252801198621E-2</v>
      </c>
    </row>
    <row r="101" spans="1:45">
      <c r="A101" s="45" t="s">
        <v>445</v>
      </c>
      <c r="B101" s="53">
        <v>307</v>
      </c>
      <c r="C101" s="84">
        <v>4.6100000000000003</v>
      </c>
      <c r="D101" s="85">
        <v>0.15679999999999999</v>
      </c>
      <c r="E101" s="188">
        <v>0.16</v>
      </c>
      <c r="F101" s="94">
        <v>4.2031149128392044E-2</v>
      </c>
      <c r="G101" s="188">
        <v>0.27200000000000002</v>
      </c>
      <c r="H101" s="94">
        <v>5.0635144003063536E-2</v>
      </c>
      <c r="I101" s="188">
        <v>0.54400000000000004</v>
      </c>
      <c r="J101" s="94">
        <v>5.6490443135819364E-2</v>
      </c>
      <c r="K101" s="188">
        <v>2.4E-2</v>
      </c>
      <c r="L101" s="94">
        <v>1.9384364162048289E-2</v>
      </c>
    </row>
    <row r="102" spans="1:45">
      <c r="A102" s="49" t="s">
        <v>440</v>
      </c>
      <c r="B102" s="49">
        <v>106</v>
      </c>
      <c r="C102" s="170">
        <v>4.33</v>
      </c>
      <c r="D102" s="130">
        <v>0.27440000000000003</v>
      </c>
      <c r="E102" s="189">
        <v>0.20799999999999999</v>
      </c>
      <c r="F102" s="97">
        <v>7.8814920690920914E-2</v>
      </c>
      <c r="G102" s="189">
        <v>0.35499999999999998</v>
      </c>
      <c r="H102" s="97">
        <v>9.1547561261634186E-2</v>
      </c>
      <c r="I102" s="189">
        <v>0.42199999999999999</v>
      </c>
      <c r="J102" s="97">
        <v>9.4262771552061753E-2</v>
      </c>
      <c r="K102" s="189">
        <v>1.4999999999999999E-2</v>
      </c>
      <c r="L102" s="97">
        <v>3.3882809481536998E-2</v>
      </c>
    </row>
    <row r="103" spans="1:45">
      <c r="A103" s="45" t="s">
        <v>441</v>
      </c>
      <c r="B103" s="53">
        <v>96</v>
      </c>
      <c r="C103" s="84">
        <v>5.03</v>
      </c>
      <c r="D103" s="85">
        <v>0.29399999999999998</v>
      </c>
      <c r="E103" s="188">
        <v>9.2999999999999999E-2</v>
      </c>
      <c r="F103" s="94">
        <v>6.2398038943543732E-2</v>
      </c>
      <c r="G103" s="188">
        <v>0.22</v>
      </c>
      <c r="H103" s="94">
        <v>8.4320000000000006E-2</v>
      </c>
      <c r="I103" s="188">
        <v>0.65200000000000002</v>
      </c>
      <c r="J103" s="94">
        <v>9.5646715280766445E-2</v>
      </c>
      <c r="K103" s="188">
        <v>3.5000000000000003E-2</v>
      </c>
      <c r="L103" s="94">
        <v>4.5045328281632047E-2</v>
      </c>
    </row>
    <row r="104" spans="1:45">
      <c r="A104" s="49" t="s">
        <v>442</v>
      </c>
      <c r="B104" s="49">
        <v>81</v>
      </c>
      <c r="C104" s="170">
        <v>4.5199999999999996</v>
      </c>
      <c r="D104" s="130">
        <v>0.29399999999999998</v>
      </c>
      <c r="E104" s="189">
        <v>0.19600000000000001</v>
      </c>
      <c r="F104" s="97">
        <v>8.8404769155540089E-2</v>
      </c>
      <c r="G104" s="189">
        <v>0.22800000000000001</v>
      </c>
      <c r="H104" s="97">
        <v>9.2752766884367829E-2</v>
      </c>
      <c r="I104" s="189">
        <v>0.54900000000000004</v>
      </c>
      <c r="J104" s="97">
        <v>0.10799121083564546</v>
      </c>
      <c r="K104" s="189">
        <v>2.7E-2</v>
      </c>
      <c r="L104" s="97">
        <v>4.6945471163598269E-2</v>
      </c>
    </row>
    <row r="105" spans="1:45">
      <c r="A105" s="45" t="s">
        <v>446</v>
      </c>
      <c r="B105" s="190">
        <v>117</v>
      </c>
      <c r="C105" s="84">
        <v>4.3899999999999997</v>
      </c>
      <c r="D105" s="85">
        <v>0.27440000000000003</v>
      </c>
      <c r="E105" s="188">
        <v>0.34100000000000003</v>
      </c>
      <c r="F105" s="94">
        <v>8.6504735159806709E-2</v>
      </c>
      <c r="G105" s="188">
        <v>8.3000000000000004E-2</v>
      </c>
      <c r="H105" s="94">
        <v>5.3757263970631214E-2</v>
      </c>
      <c r="I105" s="188">
        <v>0.55500000000000005</v>
      </c>
      <c r="J105" s="94">
        <v>9.0393390787227523E-2</v>
      </c>
      <c r="K105" s="188">
        <v>2.1000000000000001E-2</v>
      </c>
      <c r="L105" s="94">
        <v>3.4246512679176971E-2</v>
      </c>
    </row>
    <row r="106" spans="1:45">
      <c r="A106" s="49" t="s">
        <v>447</v>
      </c>
      <c r="B106" s="191">
        <v>106</v>
      </c>
      <c r="C106" s="170">
        <v>4.74</v>
      </c>
      <c r="D106" s="130">
        <v>0.25480000000000003</v>
      </c>
      <c r="E106" s="189">
        <v>0.11799999999999999</v>
      </c>
      <c r="F106" s="97">
        <v>6.4525033109803107E-2</v>
      </c>
      <c r="G106" s="189">
        <v>0.26600000000000001</v>
      </c>
      <c r="H106" s="97">
        <v>8.5099695527145816E-2</v>
      </c>
      <c r="I106" s="189">
        <v>0.60299999999999998</v>
      </c>
      <c r="J106" s="97">
        <v>9.3448777453282644E-2</v>
      </c>
      <c r="K106" s="189">
        <v>1.2999999999999999E-2</v>
      </c>
      <c r="L106" s="97">
        <v>3.289987159114377E-2</v>
      </c>
    </row>
    <row r="107" spans="1:45" ht="25.5">
      <c r="A107" s="45" t="s">
        <v>448</v>
      </c>
      <c r="B107" s="54">
        <v>148</v>
      </c>
      <c r="C107" s="84">
        <v>4.26</v>
      </c>
      <c r="D107" s="85">
        <v>0.23519999999999999</v>
      </c>
      <c r="E107" s="188">
        <v>0.26500000000000001</v>
      </c>
      <c r="F107" s="94">
        <v>7.2118932197106966E-2</v>
      </c>
      <c r="G107" s="188">
        <v>0.25800000000000001</v>
      </c>
      <c r="H107" s="94">
        <v>7.1539050617343197E-2</v>
      </c>
      <c r="I107" s="188">
        <v>0.45300000000000001</v>
      </c>
      <c r="J107" s="94">
        <v>8.0770261166683413E-2</v>
      </c>
      <c r="K107" s="188">
        <v>2.5000000000000001E-2</v>
      </c>
      <c r="L107" s="94">
        <v>3.0819401783872921E-2</v>
      </c>
    </row>
    <row r="108" spans="1:45">
      <c r="A108" s="49" t="s">
        <v>449</v>
      </c>
      <c r="B108" s="191">
        <v>195</v>
      </c>
      <c r="C108" s="170">
        <v>4.68</v>
      </c>
      <c r="D108" s="130">
        <v>0.21559999999999999</v>
      </c>
      <c r="E108" s="189">
        <v>0.19800000000000001</v>
      </c>
      <c r="F108" s="97">
        <v>5.7138752621073048E-2</v>
      </c>
      <c r="G108" s="189">
        <v>0.20899999999999999</v>
      </c>
      <c r="H108" s="97">
        <v>5.8230014817354681E-2</v>
      </c>
      <c r="I108" s="189">
        <v>0.56399999999999995</v>
      </c>
      <c r="J108" s="97">
        <v>7.0328305260268287E-2</v>
      </c>
      <c r="K108" s="189">
        <v>2.8000000000000001E-2</v>
      </c>
      <c r="L108" s="97">
        <v>2.6930817466804906E-2</v>
      </c>
    </row>
    <row r="109" spans="1:45">
      <c r="A109" s="57" t="s">
        <v>450</v>
      </c>
      <c r="B109" s="190">
        <v>135</v>
      </c>
      <c r="C109" s="84">
        <v>5.0999999999999996</v>
      </c>
      <c r="D109" s="85">
        <v>0.23519999999999999</v>
      </c>
      <c r="E109" s="188">
        <v>0.111</v>
      </c>
      <c r="F109" s="94">
        <v>5.5558074143970869E-2</v>
      </c>
      <c r="G109" s="188">
        <v>0.20499999999999999</v>
      </c>
      <c r="H109" s="94">
        <v>6.9512499042793441E-2</v>
      </c>
      <c r="I109" s="188">
        <v>0.66100000000000003</v>
      </c>
      <c r="J109" s="94">
        <v>8.0564445906107521E-2</v>
      </c>
      <c r="K109" s="188">
        <v>2.1999999999999999E-2</v>
      </c>
      <c r="L109" s="94">
        <v>3.149829154347096E-2</v>
      </c>
    </row>
    <row r="110" spans="1:45">
      <c r="A110" s="49" t="s">
        <v>443</v>
      </c>
      <c r="B110" s="191">
        <v>76</v>
      </c>
      <c r="C110" s="170">
        <v>5.33</v>
      </c>
      <c r="D110" s="130">
        <v>0.31359999999999999</v>
      </c>
      <c r="E110" s="189">
        <v>7.8E-2</v>
      </c>
      <c r="F110" s="97">
        <v>6.6812869269325656E-2</v>
      </c>
      <c r="G110" s="189">
        <v>0.107</v>
      </c>
      <c r="H110" s="97">
        <v>7.4367256739777621E-2</v>
      </c>
      <c r="I110" s="189">
        <v>0.80100000000000005</v>
      </c>
      <c r="J110" s="97">
        <v>9.1714938123513987E-2</v>
      </c>
      <c r="K110" s="189">
        <v>1.2999999999999999E-2</v>
      </c>
      <c r="L110" s="97">
        <v>4.2399868808759303E-2</v>
      </c>
    </row>
    <row r="111" spans="1:45">
      <c r="A111" s="57" t="s">
        <v>451</v>
      </c>
      <c r="B111" s="190">
        <v>151</v>
      </c>
      <c r="C111" s="84">
        <v>4.1399999999999997</v>
      </c>
      <c r="D111" s="85">
        <v>0.23519999999999999</v>
      </c>
      <c r="E111" s="188">
        <v>0.28999999999999998</v>
      </c>
      <c r="F111" s="94">
        <v>7.3290717561333998E-2</v>
      </c>
      <c r="G111" s="188">
        <v>0.214</v>
      </c>
      <c r="H111" s="94">
        <v>6.6695505503988395E-2</v>
      </c>
      <c r="I111" s="188">
        <v>0.48799999999999999</v>
      </c>
      <c r="J111" s="94">
        <v>8.0299975713323035E-2</v>
      </c>
      <c r="K111" s="188">
        <v>7.0000000000000001E-3</v>
      </c>
      <c r="L111" s="94">
        <v>2.2336777402277054E-2</v>
      </c>
    </row>
    <row r="112" spans="1:45">
      <c r="P112" s="256"/>
      <c r="Q112" s="256"/>
      <c r="R112" s="256"/>
      <c r="S112" s="256"/>
      <c r="T112" s="256"/>
      <c r="U112" s="256"/>
      <c r="V112" s="256"/>
      <c r="W112" s="256"/>
      <c r="X112" s="256"/>
      <c r="Y112" s="256"/>
      <c r="Z112" s="256"/>
      <c r="AA112" s="256"/>
      <c r="AB112" s="256"/>
      <c r="AC112" s="256"/>
      <c r="AD112" s="256"/>
      <c r="AE112" s="256"/>
      <c r="AF112" s="256"/>
      <c r="AG112" s="256"/>
      <c r="AH112" s="256"/>
      <c r="AI112" s="256"/>
      <c r="AJ112" s="256"/>
      <c r="AK112" s="256"/>
      <c r="AL112" s="256"/>
      <c r="AM112" s="256"/>
      <c r="AN112" s="256"/>
      <c r="AO112" s="256"/>
      <c r="AP112" s="256"/>
      <c r="AQ112" s="256"/>
      <c r="AR112" s="256"/>
      <c r="AS112" s="256"/>
    </row>
    <row r="113" spans="1:45">
      <c r="P113" s="256"/>
      <c r="Q113" s="256"/>
      <c r="R113" s="256"/>
      <c r="S113" s="256"/>
      <c r="T113" s="256"/>
      <c r="U113" s="256"/>
      <c r="V113" s="256"/>
      <c r="W113" s="256"/>
      <c r="X113" s="256"/>
      <c r="Y113" s="256"/>
      <c r="Z113" s="256"/>
      <c r="AA113" s="256"/>
      <c r="AB113" s="256"/>
      <c r="AC113" s="256"/>
      <c r="AD113" s="256"/>
      <c r="AE113" s="256"/>
      <c r="AF113" s="256"/>
      <c r="AG113" s="256"/>
      <c r="AH113" s="256"/>
      <c r="AI113" s="256"/>
      <c r="AJ113" s="256"/>
      <c r="AK113" s="256"/>
      <c r="AL113" s="256"/>
      <c r="AM113" s="256"/>
      <c r="AN113" s="256"/>
      <c r="AO113" s="256"/>
      <c r="AP113" s="256"/>
      <c r="AQ113" s="256"/>
      <c r="AR113" s="256"/>
      <c r="AS113" s="256"/>
    </row>
    <row r="114" spans="1:45">
      <c r="P114" s="256"/>
      <c r="Q114" s="256"/>
      <c r="R114" s="256"/>
      <c r="S114" s="256"/>
      <c r="T114" s="256"/>
      <c r="U114" s="256"/>
      <c r="V114" s="256"/>
      <c r="W114" s="256"/>
      <c r="X114" s="256"/>
      <c r="Y114" s="256"/>
      <c r="Z114" s="256"/>
      <c r="AA114" s="256"/>
      <c r="AB114" s="256"/>
      <c r="AC114" s="256"/>
      <c r="AD114" s="256"/>
      <c r="AE114" s="256"/>
      <c r="AF114" s="256"/>
      <c r="AG114" s="256"/>
      <c r="AH114" s="256"/>
      <c r="AI114" s="256"/>
      <c r="AJ114" s="256"/>
      <c r="AK114" s="256"/>
      <c r="AL114" s="256"/>
      <c r="AM114" s="256"/>
      <c r="AN114" s="256"/>
      <c r="AO114" s="256"/>
      <c r="AP114" s="256"/>
      <c r="AQ114" s="256"/>
      <c r="AR114" s="256"/>
      <c r="AS114" s="256"/>
    </row>
    <row r="115" spans="1:45">
      <c r="P115" s="256"/>
      <c r="Q115" s="256"/>
      <c r="R115" s="256"/>
      <c r="S115" s="256"/>
      <c r="T115" s="256"/>
      <c r="U115" s="256"/>
      <c r="V115" s="256"/>
      <c r="W115" s="256"/>
      <c r="X115" s="256"/>
      <c r="Y115" s="256"/>
      <c r="Z115" s="256"/>
      <c r="AA115" s="256"/>
      <c r="AB115" s="256"/>
      <c r="AC115" s="256"/>
      <c r="AD115" s="256"/>
      <c r="AE115" s="256"/>
      <c r="AF115" s="256"/>
      <c r="AG115" s="256"/>
      <c r="AH115" s="256"/>
      <c r="AI115" s="256"/>
      <c r="AJ115" s="256"/>
      <c r="AK115" s="256"/>
      <c r="AL115" s="256"/>
      <c r="AM115" s="256"/>
      <c r="AN115" s="256"/>
      <c r="AO115" s="256"/>
      <c r="AP115" s="256"/>
      <c r="AQ115" s="256"/>
      <c r="AR115" s="256"/>
      <c r="AS115" s="256"/>
    </row>
    <row r="116" spans="1:45">
      <c r="P116" s="256"/>
      <c r="Q116" s="256"/>
      <c r="R116" s="256"/>
      <c r="S116" s="256"/>
      <c r="T116" s="256"/>
      <c r="U116" s="256"/>
      <c r="V116" s="256"/>
      <c r="W116" s="256"/>
      <c r="X116" s="256"/>
      <c r="Y116" s="256"/>
      <c r="Z116" s="256"/>
      <c r="AA116" s="256"/>
      <c r="AB116" s="256"/>
      <c r="AC116" s="256"/>
      <c r="AD116" s="256"/>
      <c r="AE116" s="256"/>
      <c r="AF116" s="256"/>
      <c r="AG116" s="256"/>
      <c r="AH116" s="256"/>
      <c r="AI116" s="256"/>
      <c r="AJ116" s="256"/>
      <c r="AK116" s="256"/>
      <c r="AL116" s="256"/>
      <c r="AM116" s="256"/>
      <c r="AN116" s="256"/>
      <c r="AO116" s="256"/>
      <c r="AP116" s="256"/>
      <c r="AQ116" s="256"/>
      <c r="AR116" s="256"/>
      <c r="AS116" s="256"/>
    </row>
    <row r="117" spans="1:45">
      <c r="P117" s="256"/>
      <c r="Q117" s="256"/>
      <c r="R117" s="256"/>
      <c r="S117" s="256"/>
      <c r="T117" s="256"/>
      <c r="U117" s="256"/>
      <c r="V117" s="256"/>
      <c r="W117" s="256"/>
      <c r="X117" s="256"/>
      <c r="Y117" s="256"/>
      <c r="Z117" s="256"/>
      <c r="AA117" s="256"/>
      <c r="AB117" s="256"/>
      <c r="AC117" s="256"/>
      <c r="AD117" s="256"/>
      <c r="AE117" s="256"/>
      <c r="AF117" s="256"/>
      <c r="AG117" s="256"/>
      <c r="AH117" s="256"/>
      <c r="AI117" s="256"/>
      <c r="AJ117" s="256"/>
      <c r="AK117" s="256"/>
      <c r="AL117" s="256"/>
      <c r="AM117" s="256"/>
      <c r="AN117" s="256"/>
      <c r="AO117" s="256"/>
      <c r="AP117" s="256"/>
      <c r="AQ117" s="256"/>
      <c r="AR117" s="256"/>
      <c r="AS117" s="256"/>
    </row>
    <row r="118" spans="1:45">
      <c r="P118" s="256"/>
      <c r="Q118" s="256"/>
      <c r="R118" s="256"/>
      <c r="S118" s="256"/>
      <c r="T118" s="256"/>
      <c r="U118" s="256"/>
      <c r="V118" s="256"/>
      <c r="W118" s="256"/>
      <c r="X118" s="256"/>
      <c r="Y118" s="256"/>
      <c r="Z118" s="256"/>
      <c r="AA118" s="256"/>
      <c r="AB118" s="256"/>
      <c r="AC118" s="256"/>
      <c r="AD118" s="256"/>
      <c r="AE118" s="256"/>
      <c r="AF118" s="256"/>
      <c r="AG118" s="256"/>
      <c r="AH118" s="256"/>
      <c r="AI118" s="256"/>
      <c r="AJ118" s="256"/>
      <c r="AK118" s="256"/>
      <c r="AL118" s="256"/>
      <c r="AM118" s="256"/>
      <c r="AN118" s="256"/>
      <c r="AO118" s="256"/>
      <c r="AP118" s="256"/>
      <c r="AQ118" s="256"/>
      <c r="AR118" s="256"/>
      <c r="AS118" s="256"/>
    </row>
    <row r="119" spans="1:45" ht="18.75">
      <c r="A119" s="388" t="s">
        <v>15</v>
      </c>
      <c r="B119" s="388"/>
      <c r="C119" s="388"/>
      <c r="D119" s="388"/>
    </row>
    <row r="120" spans="1:45" ht="72" customHeight="1">
      <c r="A120" s="386" t="s">
        <v>490</v>
      </c>
      <c r="B120" s="386"/>
      <c r="C120" s="386"/>
      <c r="D120" s="386"/>
    </row>
    <row r="121" spans="1:45" ht="36" customHeight="1">
      <c r="A121" s="364" t="s">
        <v>279</v>
      </c>
      <c r="B121" s="364"/>
      <c r="C121" s="364"/>
      <c r="D121" s="364"/>
    </row>
    <row r="122" spans="1:45" ht="40.5" customHeight="1">
      <c r="A122" s="37" t="s">
        <v>85</v>
      </c>
      <c r="B122" s="38" t="s">
        <v>86</v>
      </c>
      <c r="C122" s="39" t="s">
        <v>87</v>
      </c>
      <c r="D122" s="40" t="s">
        <v>88</v>
      </c>
    </row>
    <row r="123" spans="1:45" ht="72">
      <c r="A123" s="41"/>
      <c r="B123" s="42" t="s">
        <v>89</v>
      </c>
      <c r="C123" s="126" t="s">
        <v>280</v>
      </c>
      <c r="D123" s="44" t="s">
        <v>91</v>
      </c>
    </row>
    <row r="124" spans="1:45">
      <c r="A124" s="45" t="s">
        <v>435</v>
      </c>
      <c r="B124" s="196">
        <v>10969</v>
      </c>
      <c r="C124" s="197">
        <v>4.75</v>
      </c>
      <c r="D124" s="198">
        <v>3.9199999999999999E-2</v>
      </c>
    </row>
    <row r="125" spans="1:45">
      <c r="A125" s="49" t="s">
        <v>436</v>
      </c>
      <c r="B125" s="49">
        <v>8844</v>
      </c>
      <c r="C125" s="200">
        <v>4.47</v>
      </c>
      <c r="D125" s="201">
        <v>3.9199999999999999E-2</v>
      </c>
    </row>
    <row r="126" spans="1:45">
      <c r="A126" s="45" t="s">
        <v>437</v>
      </c>
      <c r="B126" s="53">
        <v>1961</v>
      </c>
      <c r="C126" s="197">
        <v>5.23</v>
      </c>
      <c r="D126" s="198">
        <v>5.8799999999999998E-2</v>
      </c>
    </row>
    <row r="127" spans="1:45">
      <c r="A127" s="49" t="s">
        <v>438</v>
      </c>
      <c r="B127" s="49">
        <v>1257</v>
      </c>
      <c r="C127" s="200">
        <v>4.7</v>
      </c>
      <c r="D127" s="201">
        <v>9.8000000000000004E-2</v>
      </c>
    </row>
    <row r="128" spans="1:45">
      <c r="A128" s="45" t="s">
        <v>439</v>
      </c>
      <c r="B128" s="53">
        <v>900</v>
      </c>
      <c r="C128" s="197">
        <v>4.3</v>
      </c>
      <c r="D128" s="198">
        <v>0.1176</v>
      </c>
    </row>
    <row r="129" spans="1:4">
      <c r="A129" s="49" t="s">
        <v>444</v>
      </c>
      <c r="B129" s="49">
        <v>101</v>
      </c>
      <c r="C129" s="200">
        <v>5.26</v>
      </c>
      <c r="D129" s="201">
        <v>0.27440000000000003</v>
      </c>
    </row>
    <row r="130" spans="1:4">
      <c r="A130" s="45" t="s">
        <v>445</v>
      </c>
      <c r="B130" s="53">
        <v>305</v>
      </c>
      <c r="C130" s="197">
        <v>4.2699999999999996</v>
      </c>
      <c r="D130" s="198">
        <v>0.19600000000000001</v>
      </c>
    </row>
    <row r="131" spans="1:4">
      <c r="A131" s="49" t="s">
        <v>440</v>
      </c>
      <c r="B131" s="49">
        <v>105</v>
      </c>
      <c r="C131" s="200">
        <v>3.76</v>
      </c>
      <c r="D131" s="201">
        <v>0.3332</v>
      </c>
    </row>
    <row r="132" spans="1:4">
      <c r="A132" s="45" t="s">
        <v>441</v>
      </c>
      <c r="B132" s="53">
        <v>95</v>
      </c>
      <c r="C132" s="197">
        <v>4.45</v>
      </c>
      <c r="D132" s="198">
        <v>0.3332</v>
      </c>
    </row>
    <row r="133" spans="1:4">
      <c r="A133" s="49" t="s">
        <v>442</v>
      </c>
      <c r="B133" s="49">
        <v>81</v>
      </c>
      <c r="C133" s="200">
        <v>4.7</v>
      </c>
      <c r="D133" s="201">
        <v>0.39200000000000002</v>
      </c>
    </row>
    <row r="134" spans="1:4">
      <c r="A134" s="45" t="s">
        <v>446</v>
      </c>
      <c r="B134" s="196">
        <v>116</v>
      </c>
      <c r="C134" s="197">
        <v>4.4800000000000004</v>
      </c>
      <c r="D134" s="198">
        <v>0.31359999999999999</v>
      </c>
    </row>
    <row r="135" spans="1:4">
      <c r="A135" s="49" t="s">
        <v>447</v>
      </c>
      <c r="B135" s="199">
        <v>107</v>
      </c>
      <c r="C135" s="200">
        <v>4.47</v>
      </c>
      <c r="D135" s="201">
        <v>0.31359999999999999</v>
      </c>
    </row>
    <row r="136" spans="1:4" ht="25.5">
      <c r="A136" s="45" t="s">
        <v>448</v>
      </c>
      <c r="B136" s="83">
        <v>148</v>
      </c>
      <c r="C136" s="197">
        <v>4.5199999999999996</v>
      </c>
      <c r="D136" s="198">
        <v>0.27440000000000003</v>
      </c>
    </row>
    <row r="137" spans="1:4">
      <c r="A137" s="49" t="s">
        <v>449</v>
      </c>
      <c r="B137" s="199">
        <v>194</v>
      </c>
      <c r="C137" s="200">
        <v>5.1100000000000003</v>
      </c>
      <c r="D137" s="201">
        <v>0.21559999999999999</v>
      </c>
    </row>
    <row r="138" spans="1:4">
      <c r="A138" s="57" t="s">
        <v>450</v>
      </c>
      <c r="B138" s="196">
        <v>134</v>
      </c>
      <c r="C138" s="197">
        <v>4.63</v>
      </c>
      <c r="D138" s="198">
        <v>0.25480000000000003</v>
      </c>
    </row>
    <row r="139" spans="1:4">
      <c r="A139" s="49" t="s">
        <v>443</v>
      </c>
      <c r="B139" s="199">
        <v>75</v>
      </c>
      <c r="C139" s="200">
        <v>4.7300000000000004</v>
      </c>
      <c r="D139" s="201">
        <v>0.31359999999999999</v>
      </c>
    </row>
    <row r="140" spans="1:4">
      <c r="A140" s="57" t="s">
        <v>451</v>
      </c>
      <c r="B140" s="196">
        <v>152</v>
      </c>
      <c r="C140" s="197">
        <v>4.42</v>
      </c>
      <c r="D140" s="198">
        <v>0.27440000000000003</v>
      </c>
    </row>
    <row r="141" spans="1:4" s="248" customFormat="1">
      <c r="A141" s="241"/>
      <c r="B141" s="260"/>
      <c r="C141" s="261"/>
      <c r="D141" s="262"/>
    </row>
    <row r="142" spans="1:4" s="248" customFormat="1">
      <c r="A142" s="241"/>
      <c r="B142" s="260"/>
      <c r="C142" s="261"/>
      <c r="D142" s="262"/>
    </row>
    <row r="143" spans="1:4" s="248" customFormat="1">
      <c r="A143" s="241"/>
      <c r="B143" s="260"/>
      <c r="C143" s="261"/>
      <c r="D143" s="262"/>
    </row>
    <row r="144" spans="1:4" s="248" customFormat="1">
      <c r="A144" s="241"/>
      <c r="B144" s="260"/>
      <c r="C144" s="261"/>
      <c r="D144" s="262"/>
    </row>
    <row r="145" spans="1:49" s="248" customFormat="1">
      <c r="A145" s="241"/>
      <c r="B145" s="260"/>
      <c r="C145" s="261"/>
      <c r="D145" s="262"/>
    </row>
    <row r="146" spans="1:49" s="248" customFormat="1">
      <c r="A146" s="241"/>
      <c r="B146" s="260"/>
      <c r="C146" s="261"/>
      <c r="D146" s="262"/>
    </row>
    <row r="147" spans="1:49" s="248" customFormat="1">
      <c r="A147" s="241"/>
      <c r="B147" s="260"/>
      <c r="C147" s="261"/>
      <c r="D147" s="262"/>
    </row>
    <row r="148" spans="1:49" ht="18.75">
      <c r="A148" s="324" t="s">
        <v>15</v>
      </c>
      <c r="B148" s="324"/>
      <c r="C148" s="324"/>
      <c r="D148" s="324"/>
      <c r="E148" s="324"/>
      <c r="F148" s="324"/>
      <c r="G148" s="324"/>
      <c r="H148" s="324"/>
      <c r="I148" s="324"/>
      <c r="J148" s="324"/>
      <c r="K148" s="324"/>
      <c r="L148" s="324"/>
      <c r="M148" s="324"/>
      <c r="N148" s="324"/>
      <c r="O148" s="324"/>
      <c r="P148" s="324"/>
      <c r="Q148" s="324"/>
      <c r="R148" s="324"/>
      <c r="S148" s="324"/>
      <c r="T148" s="226"/>
      <c r="U148" s="226"/>
      <c r="V148" s="226"/>
      <c r="W148" s="226"/>
      <c r="X148" s="226"/>
      <c r="Y148" s="226"/>
      <c r="Z148" s="226"/>
      <c r="AA148" s="226"/>
      <c r="AB148" s="226"/>
      <c r="AC148" s="226"/>
      <c r="AD148" s="226"/>
      <c r="AE148" s="226"/>
      <c r="AF148" s="226"/>
      <c r="AG148" s="226"/>
      <c r="AH148" s="226"/>
      <c r="AI148" s="226"/>
      <c r="AJ148" s="226"/>
      <c r="AK148" s="256"/>
      <c r="AL148" s="256"/>
      <c r="AM148" s="256"/>
      <c r="AN148" s="256"/>
      <c r="AO148" s="256"/>
      <c r="AP148" s="256"/>
      <c r="AQ148" s="256"/>
      <c r="AR148" s="256"/>
      <c r="AS148" s="256"/>
    </row>
    <row r="149" spans="1:49" ht="50.25" customHeight="1">
      <c r="A149" s="389" t="s">
        <v>491</v>
      </c>
      <c r="B149" s="389"/>
      <c r="C149" s="389"/>
      <c r="D149" s="389"/>
      <c r="E149" s="389"/>
      <c r="F149" s="389"/>
      <c r="G149" s="389"/>
      <c r="H149" s="389"/>
      <c r="I149" s="389"/>
      <c r="J149" s="389"/>
      <c r="K149" s="389"/>
      <c r="L149" s="389"/>
      <c r="M149" s="389"/>
      <c r="N149" s="389"/>
      <c r="O149" s="389"/>
      <c r="P149" s="389"/>
      <c r="Q149" s="389"/>
      <c r="R149" s="389"/>
      <c r="S149" s="389"/>
      <c r="T149" s="257"/>
      <c r="U149" s="257"/>
      <c r="V149" s="257"/>
      <c r="W149" s="257"/>
      <c r="X149" s="257"/>
      <c r="Y149" s="257"/>
      <c r="Z149" s="257"/>
      <c r="AA149" s="257"/>
      <c r="AB149" s="257"/>
      <c r="AC149" s="257"/>
      <c r="AD149" s="257"/>
      <c r="AE149" s="257"/>
      <c r="AF149" s="257"/>
      <c r="AG149" s="257"/>
      <c r="AH149" s="257"/>
      <c r="AI149" s="257"/>
      <c r="AJ149" s="257"/>
      <c r="AK149" s="256"/>
      <c r="AL149" s="256"/>
      <c r="AM149" s="256"/>
      <c r="AN149" s="256"/>
      <c r="AO149" s="256"/>
      <c r="AP149" s="256"/>
      <c r="AQ149" s="256"/>
      <c r="AR149" s="256"/>
      <c r="AS149" s="256"/>
    </row>
    <row r="150" spans="1:49" ht="33" customHeight="1">
      <c r="A150" s="64"/>
      <c r="B150" s="376" t="s">
        <v>277</v>
      </c>
      <c r="C150" s="377"/>
      <c r="D150" s="377"/>
      <c r="E150" s="377"/>
      <c r="F150" s="377"/>
      <c r="G150" s="377"/>
      <c r="H150" s="377"/>
      <c r="I150" s="377"/>
      <c r="J150" s="378"/>
      <c r="K150" s="376" t="s">
        <v>278</v>
      </c>
      <c r="L150" s="377"/>
      <c r="M150" s="377"/>
      <c r="N150" s="377"/>
      <c r="O150" s="377"/>
      <c r="P150" s="377"/>
      <c r="Q150" s="377"/>
      <c r="R150" s="377"/>
      <c r="S150" s="378"/>
      <c r="T150" s="256"/>
      <c r="U150" s="256"/>
      <c r="V150" s="256"/>
      <c r="W150" s="256"/>
      <c r="X150" s="256"/>
      <c r="Y150" s="256"/>
      <c r="Z150" s="256"/>
      <c r="AA150" s="256"/>
      <c r="AB150" s="256"/>
      <c r="AC150" s="256"/>
      <c r="AD150" s="256"/>
      <c r="AE150" s="256"/>
      <c r="AF150" s="256"/>
      <c r="AG150" s="256"/>
      <c r="AH150" s="256"/>
      <c r="AI150" s="256"/>
      <c r="AJ150" s="256"/>
      <c r="AK150" s="256"/>
      <c r="AL150" s="256"/>
      <c r="AM150" s="256"/>
      <c r="AN150" s="256"/>
      <c r="AO150" s="256"/>
      <c r="AP150" s="256"/>
      <c r="AQ150" s="256"/>
      <c r="AR150" s="256"/>
      <c r="AS150" s="256"/>
      <c r="AT150" s="256"/>
      <c r="AU150" s="256"/>
      <c r="AV150" s="256"/>
      <c r="AW150" s="256"/>
    </row>
    <row r="151" spans="1:49" ht="41.25" customHeight="1">
      <c r="A151" s="37" t="s">
        <v>85</v>
      </c>
      <c r="B151" s="38" t="s">
        <v>86</v>
      </c>
      <c r="C151" s="38" t="s">
        <v>367</v>
      </c>
      <c r="D151" s="89" t="s">
        <v>162</v>
      </c>
      <c r="E151" s="38" t="s">
        <v>368</v>
      </c>
      <c r="F151" s="89" t="s">
        <v>163</v>
      </c>
      <c r="G151" s="38" t="s">
        <v>369</v>
      </c>
      <c r="H151" s="89" t="s">
        <v>136</v>
      </c>
      <c r="I151" s="38" t="s">
        <v>356</v>
      </c>
      <c r="J151" s="89" t="s">
        <v>370</v>
      </c>
      <c r="K151" s="65" t="s">
        <v>86</v>
      </c>
      <c r="L151" s="65" t="s">
        <v>367</v>
      </c>
      <c r="M151" s="88" t="s">
        <v>162</v>
      </c>
      <c r="N151" s="65" t="s">
        <v>368</v>
      </c>
      <c r="O151" s="88" t="s">
        <v>163</v>
      </c>
      <c r="P151" s="65" t="s">
        <v>369</v>
      </c>
      <c r="Q151" s="259" t="s">
        <v>136</v>
      </c>
      <c r="R151" s="276" t="s">
        <v>356</v>
      </c>
      <c r="S151" s="88" t="s">
        <v>370</v>
      </c>
      <c r="T151" s="256"/>
      <c r="U151" s="256"/>
      <c r="V151" s="256"/>
      <c r="W151" s="256"/>
      <c r="X151" s="256"/>
      <c r="Y151" s="256"/>
      <c r="Z151" s="256"/>
      <c r="AA151" s="256"/>
      <c r="AB151" s="256"/>
      <c r="AC151" s="256"/>
      <c r="AD151" s="256"/>
      <c r="AE151" s="256"/>
      <c r="AF151" s="256"/>
      <c r="AG151" s="256"/>
      <c r="AH151" s="256"/>
      <c r="AI151" s="256"/>
      <c r="AJ151" s="256"/>
      <c r="AK151" s="256"/>
      <c r="AL151" s="256"/>
      <c r="AM151" s="256"/>
      <c r="AN151" s="256"/>
      <c r="AO151" s="256"/>
      <c r="AP151" s="256"/>
      <c r="AQ151" s="256"/>
      <c r="AR151" s="256"/>
      <c r="AS151" s="256"/>
      <c r="AT151" s="256"/>
      <c r="AU151" s="256"/>
      <c r="AV151" s="256"/>
      <c r="AW151" s="256"/>
    </row>
    <row r="152" spans="1:49" ht="72">
      <c r="A152" s="41"/>
      <c r="B152" s="42" t="s">
        <v>89</v>
      </c>
      <c r="C152" s="42" t="s">
        <v>181</v>
      </c>
      <c r="D152" s="91" t="s">
        <v>104</v>
      </c>
      <c r="E152" s="42" t="s">
        <v>182</v>
      </c>
      <c r="F152" s="91" t="s">
        <v>104</v>
      </c>
      <c r="G152" s="42" t="s">
        <v>183</v>
      </c>
      <c r="H152" s="91" t="s">
        <v>104</v>
      </c>
      <c r="I152" s="42" t="s">
        <v>356</v>
      </c>
      <c r="J152" s="91" t="s">
        <v>104</v>
      </c>
      <c r="K152" s="68" t="s">
        <v>89</v>
      </c>
      <c r="L152" s="68" t="s">
        <v>181</v>
      </c>
      <c r="M152" s="90" t="s">
        <v>104</v>
      </c>
      <c r="N152" s="68" t="s">
        <v>182</v>
      </c>
      <c r="O152" s="90" t="s">
        <v>104</v>
      </c>
      <c r="P152" s="68" t="s">
        <v>183</v>
      </c>
      <c r="Q152" s="273" t="s">
        <v>104</v>
      </c>
      <c r="R152" s="277" t="s">
        <v>356</v>
      </c>
      <c r="S152" s="90" t="s">
        <v>104</v>
      </c>
    </row>
    <row r="153" spans="1:49">
      <c r="A153" s="45" t="s">
        <v>435</v>
      </c>
      <c r="B153" s="192">
        <v>10994</v>
      </c>
      <c r="C153" s="194">
        <v>0.217</v>
      </c>
      <c r="D153" s="94">
        <v>7.8624575307479055E-3</v>
      </c>
      <c r="E153" s="194">
        <v>0.157</v>
      </c>
      <c r="F153" s="94">
        <v>6.9402815415828926E-3</v>
      </c>
      <c r="G153" s="194">
        <v>0.61599999999999999</v>
      </c>
      <c r="H153" s="94">
        <v>9.2755162322826542E-3</v>
      </c>
      <c r="I153" s="194">
        <v>0.01</v>
      </c>
      <c r="J153" s="94">
        <v>1.9142005459587045E-3</v>
      </c>
      <c r="K153" s="192">
        <v>10936</v>
      </c>
      <c r="L153" s="194">
        <v>0.23499999999999999</v>
      </c>
      <c r="M153" s="94">
        <v>8.1086394769137194E-3</v>
      </c>
      <c r="N153" s="194">
        <v>0.16400000000000001</v>
      </c>
      <c r="O153" s="94">
        <v>7.0823451583750634E-3</v>
      </c>
      <c r="P153" s="194">
        <v>0.58499999999999996</v>
      </c>
      <c r="Q153" s="274">
        <v>9.4216732988684944E-3</v>
      </c>
      <c r="R153" s="194">
        <v>1.6E-2</v>
      </c>
      <c r="S153" s="94">
        <v>2.4122835457088109E-3</v>
      </c>
    </row>
    <row r="154" spans="1:49">
      <c r="A154" s="49" t="s">
        <v>436</v>
      </c>
      <c r="B154" s="193">
        <v>8846</v>
      </c>
      <c r="C154" s="195">
        <v>0.27100000000000002</v>
      </c>
      <c r="D154" s="97">
        <v>9.4505885646016148E-3</v>
      </c>
      <c r="E154" s="195">
        <v>0.17199999999999999</v>
      </c>
      <c r="F154" s="97">
        <v>8.0257559714557187E-3</v>
      </c>
      <c r="G154" s="195">
        <v>0.55200000000000005</v>
      </c>
      <c r="H154" s="97">
        <v>1.0572289624566604E-2</v>
      </c>
      <c r="I154" s="195">
        <v>5.0000000000000001E-3</v>
      </c>
      <c r="J154" s="97">
        <v>1.5325384533886575E-3</v>
      </c>
      <c r="K154" s="193">
        <v>8788</v>
      </c>
      <c r="L154" s="195">
        <v>0.30599999999999999</v>
      </c>
      <c r="M154" s="97">
        <v>9.8301831780381651E-3</v>
      </c>
      <c r="N154" s="195">
        <v>0.16300000000000001</v>
      </c>
      <c r="O154" s="97">
        <v>7.8814670423614352E-3</v>
      </c>
      <c r="P154" s="195">
        <v>0.51700000000000002</v>
      </c>
      <c r="Q154" s="275">
        <v>1.065872412000966E-2</v>
      </c>
      <c r="R154" s="195">
        <v>1.4999999999999999E-2</v>
      </c>
      <c r="S154" s="97">
        <v>2.6113933540104304E-3</v>
      </c>
    </row>
    <row r="155" spans="1:49">
      <c r="A155" s="45" t="s">
        <v>437</v>
      </c>
      <c r="B155" s="192">
        <v>1981</v>
      </c>
      <c r="C155" s="194">
        <v>0.11840000000000001</v>
      </c>
      <c r="D155" s="94">
        <v>1.454379121715217E-2</v>
      </c>
      <c r="E155" s="194">
        <v>0.1258</v>
      </c>
      <c r="F155" s="94">
        <v>1.4924706173141757E-2</v>
      </c>
      <c r="G155" s="194">
        <v>0.74</v>
      </c>
      <c r="H155" s="94">
        <v>1.9702160485177807E-2</v>
      </c>
      <c r="I155" s="194">
        <v>1.5800000000000002E-2</v>
      </c>
      <c r="J155" s="94">
        <v>5.7652294295213189E-3</v>
      </c>
      <c r="K155" s="192">
        <v>1977</v>
      </c>
      <c r="L155" s="194">
        <v>0.13400000000000001</v>
      </c>
      <c r="M155" s="94">
        <v>1.5342919645146553E-2</v>
      </c>
      <c r="N155" s="194">
        <v>0.14299999999999999</v>
      </c>
      <c r="O155" s="94">
        <v>1.5763597186087424E-2</v>
      </c>
      <c r="P155" s="194">
        <v>0.70889999999999997</v>
      </c>
      <c r="Q155" s="274">
        <v>2.0421447639730615E-2</v>
      </c>
      <c r="R155" s="194">
        <v>1.41E-2</v>
      </c>
      <c r="S155" s="94">
        <v>5.4765214894881694E-3</v>
      </c>
    </row>
    <row r="156" spans="1:49">
      <c r="A156" s="49" t="s">
        <v>438</v>
      </c>
      <c r="B156" s="193">
        <v>1255</v>
      </c>
      <c r="C156" s="195">
        <v>0.222</v>
      </c>
      <c r="D156" s="97">
        <v>2.345843173974501E-2</v>
      </c>
      <c r="E156" s="195">
        <v>0.16900000000000001</v>
      </c>
      <c r="F156" s="97">
        <v>2.1175470395147392E-2</v>
      </c>
      <c r="G156" s="195">
        <v>0.60699999999999998</v>
      </c>
      <c r="H156" s="97">
        <v>2.7534288493437094E-2</v>
      </c>
      <c r="I156" s="195">
        <v>2E-3</v>
      </c>
      <c r="J156" s="97">
        <v>3.3675439568239714E-3</v>
      </c>
      <c r="K156" s="193">
        <v>1258</v>
      </c>
      <c r="L156" s="195">
        <v>0.22800000000000001</v>
      </c>
      <c r="M156" s="97">
        <v>2.3651206365905602E-2</v>
      </c>
      <c r="N156" s="195">
        <v>0.182</v>
      </c>
      <c r="O156" s="97">
        <v>2.1769286125457837E-2</v>
      </c>
      <c r="P156" s="195">
        <v>0.58299999999999996</v>
      </c>
      <c r="Q156" s="275">
        <v>2.7761412818873121E-2</v>
      </c>
      <c r="R156" s="195">
        <v>7.0000000000000001E-3</v>
      </c>
      <c r="S156" s="97">
        <v>5.1872331838364091E-3</v>
      </c>
    </row>
    <row r="157" spans="1:49">
      <c r="A157" s="45" t="s">
        <v>439</v>
      </c>
      <c r="B157" s="192">
        <v>896</v>
      </c>
      <c r="C157" s="194">
        <v>0.30199999999999999</v>
      </c>
      <c r="D157" s="94">
        <v>3.0633584010581152E-2</v>
      </c>
      <c r="E157" s="194">
        <v>0.2</v>
      </c>
      <c r="F157" s="94">
        <v>2.6733102428115201E-2</v>
      </c>
      <c r="G157" s="194">
        <v>0.497</v>
      </c>
      <c r="H157" s="94">
        <v>3.3332738649510085E-2</v>
      </c>
      <c r="I157" s="194">
        <v>1E-3</v>
      </c>
      <c r="J157" s="94">
        <v>3.7756080799142611E-3</v>
      </c>
      <c r="K157" s="192">
        <v>899</v>
      </c>
      <c r="L157" s="194">
        <v>0.33700000000000002</v>
      </c>
      <c r="M157" s="94">
        <v>3.1476466481037323E-2</v>
      </c>
      <c r="N157" s="194">
        <v>0.161</v>
      </c>
      <c r="O157" s="94">
        <v>2.4553137733881489E-2</v>
      </c>
      <c r="P157" s="194">
        <v>0.495</v>
      </c>
      <c r="Q157" s="274">
        <v>3.3276267053703873E-2</v>
      </c>
      <c r="R157" s="194">
        <v>7.0000000000000001E-3</v>
      </c>
      <c r="S157" s="94">
        <v>6.3488434809851986E-3</v>
      </c>
    </row>
    <row r="158" spans="1:49">
      <c r="A158" s="49" t="s">
        <v>444</v>
      </c>
      <c r="B158" s="193">
        <v>102</v>
      </c>
      <c r="C158" s="195">
        <v>8.3000000000000004E-2</v>
      </c>
      <c r="D158" s="97">
        <v>5.794827920595351E-2</v>
      </c>
      <c r="E158" s="195">
        <v>7.2999999999999995E-2</v>
      </c>
      <c r="F158" s="97">
        <v>5.5345243625747914E-2</v>
      </c>
      <c r="G158" s="195">
        <v>0.83899999999999997</v>
      </c>
      <c r="H158" s="97">
        <v>7.3610047552858993E-2</v>
      </c>
      <c r="I158" s="195">
        <v>5.0000000000000001E-3</v>
      </c>
      <c r="J158" s="97">
        <v>2.9536378992594363E-2</v>
      </c>
      <c r="K158" s="193">
        <v>102</v>
      </c>
      <c r="L158" s="195">
        <v>8.8999999999999996E-2</v>
      </c>
      <c r="M158" s="97">
        <v>5.9427206835504731E-2</v>
      </c>
      <c r="N158" s="195">
        <v>0.17899999999999999</v>
      </c>
      <c r="O158" s="97">
        <v>7.6377648970077039E-2</v>
      </c>
      <c r="P158" s="195">
        <v>0.72699999999999998</v>
      </c>
      <c r="Q158" s="275">
        <v>8.736965582859374E-2</v>
      </c>
      <c r="R158" s="195">
        <v>5.0000000000000001E-3</v>
      </c>
      <c r="S158" s="97">
        <v>2.9536378992594363E-2</v>
      </c>
    </row>
    <row r="159" spans="1:49">
      <c r="A159" s="45" t="s">
        <v>445</v>
      </c>
      <c r="B159" s="192">
        <v>304</v>
      </c>
      <c r="C159" s="194">
        <v>0.36499999999999999</v>
      </c>
      <c r="D159" s="94">
        <v>5.4919693762589469E-2</v>
      </c>
      <c r="E159" s="194">
        <v>0.155</v>
      </c>
      <c r="F159" s="94">
        <v>4.1723655408018284E-2</v>
      </c>
      <c r="G159" s="194">
        <v>0.48</v>
      </c>
      <c r="H159" s="94">
        <v>5.693586299859376E-2</v>
      </c>
      <c r="I159" s="194">
        <v>0</v>
      </c>
      <c r="J159" s="94">
        <v>9.1533407902473652E-3</v>
      </c>
      <c r="K159" s="192">
        <v>305</v>
      </c>
      <c r="L159" s="194">
        <v>0.34599999999999997</v>
      </c>
      <c r="M159" s="94">
        <v>5.4195383354721835E-2</v>
      </c>
      <c r="N159" s="194">
        <v>0.14299999999999999</v>
      </c>
      <c r="O159" s="94">
        <v>4.0359115062154276E-2</v>
      </c>
      <c r="P159" s="194">
        <v>0.501</v>
      </c>
      <c r="Q159" s="274">
        <v>5.6887901549316486E-2</v>
      </c>
      <c r="R159" s="194">
        <v>8.9999999999999993E-3</v>
      </c>
      <c r="S159" s="94">
        <v>1.3990371500179693E-2</v>
      </c>
    </row>
    <row r="160" spans="1:49">
      <c r="A160" s="49" t="s">
        <v>440</v>
      </c>
      <c r="B160" s="193">
        <v>104</v>
      </c>
      <c r="C160" s="195">
        <v>0.51400000000000001</v>
      </c>
      <c r="D160" s="97">
        <v>9.6190060635579513E-2</v>
      </c>
      <c r="E160" s="195">
        <v>0.183</v>
      </c>
      <c r="F160" s="97">
        <v>7.621042619360345E-2</v>
      </c>
      <c r="G160" s="195">
        <v>0.30299999999999999</v>
      </c>
      <c r="H160" s="97">
        <v>8.9030270507885742E-2</v>
      </c>
      <c r="I160" s="195">
        <v>0</v>
      </c>
      <c r="J160" s="97">
        <v>2.5945514841396074E-2</v>
      </c>
      <c r="K160" s="193">
        <v>105</v>
      </c>
      <c r="L160" s="195">
        <v>0.42399999999999999</v>
      </c>
      <c r="M160" s="97">
        <v>9.4750304036825023E-2</v>
      </c>
      <c r="N160" s="195">
        <v>0.17499999999999999</v>
      </c>
      <c r="O160" s="97">
        <v>7.4682213511742965E-2</v>
      </c>
      <c r="P160" s="195">
        <v>0.38300000000000001</v>
      </c>
      <c r="Q160" s="275">
        <v>9.3317503286699591E-2</v>
      </c>
      <c r="R160" s="195">
        <v>1.7999999999999999E-2</v>
      </c>
      <c r="S160" s="97">
        <v>3.5537515936939643E-2</v>
      </c>
    </row>
    <row r="161" spans="1:19">
      <c r="A161" s="45" t="s">
        <v>441</v>
      </c>
      <c r="B161" s="192">
        <v>95</v>
      </c>
      <c r="C161" s="194">
        <v>0.32700000000000001</v>
      </c>
      <c r="D161" s="94">
        <v>9.480243068158116E-2</v>
      </c>
      <c r="E161" s="194">
        <v>0.161</v>
      </c>
      <c r="F161" s="94">
        <v>7.6324119723335498E-2</v>
      </c>
      <c r="G161" s="194">
        <v>0.51200000000000001</v>
      </c>
      <c r="H161" s="94">
        <v>0.10047712464633568</v>
      </c>
      <c r="I161" s="194">
        <v>1E-3</v>
      </c>
      <c r="J161" s="94">
        <v>2.8929592107683665E-2</v>
      </c>
      <c r="K161" s="192">
        <v>96</v>
      </c>
      <c r="L161" s="194">
        <v>0.25800000000000001</v>
      </c>
      <c r="M161" s="94">
        <v>8.8549967272721228E-2</v>
      </c>
      <c r="N161" s="194">
        <v>0.14199999999999999</v>
      </c>
      <c r="O161" s="94">
        <v>7.2631689392440815E-2</v>
      </c>
      <c r="P161" s="194">
        <v>0.58799999999999997</v>
      </c>
      <c r="Q161" s="274">
        <v>9.8562290882466819E-2</v>
      </c>
      <c r="R161" s="194">
        <v>1.2E-2</v>
      </c>
      <c r="S161" s="94">
        <v>3.4943663002038008E-2</v>
      </c>
    </row>
    <row r="162" spans="1:19">
      <c r="A162" s="49" t="s">
        <v>442</v>
      </c>
      <c r="B162" s="193">
        <v>81</v>
      </c>
      <c r="C162" s="195">
        <v>0.249</v>
      </c>
      <c r="D162" s="97">
        <v>9.5249267552381819E-2</v>
      </c>
      <c r="E162" s="195">
        <v>0.13500000000000001</v>
      </c>
      <c r="F162" s="97">
        <v>7.7919654663911417E-2</v>
      </c>
      <c r="G162" s="195">
        <v>0.61599999999999999</v>
      </c>
      <c r="H162" s="97">
        <v>0.10578127228990256</v>
      </c>
      <c r="I162" s="195">
        <v>0</v>
      </c>
      <c r="J162" s="97">
        <v>3.2881805121991139E-2</v>
      </c>
      <c r="K162" s="193">
        <v>80</v>
      </c>
      <c r="L162" s="195">
        <v>0.253</v>
      </c>
      <c r="M162" s="97">
        <v>9.6279117685620516E-2</v>
      </c>
      <c r="N162" s="195">
        <v>0.14599999999999999</v>
      </c>
      <c r="O162" s="97">
        <v>8.0573744358093363E-2</v>
      </c>
      <c r="P162" s="195">
        <v>0.6</v>
      </c>
      <c r="Q162" s="275">
        <v>0.1071113584336235</v>
      </c>
      <c r="R162" s="195">
        <v>1E-3</v>
      </c>
      <c r="S162" s="97">
        <v>3.3910774263721861E-2</v>
      </c>
    </row>
    <row r="163" spans="1:19">
      <c r="A163" s="45" t="s">
        <v>446</v>
      </c>
      <c r="B163" s="192">
        <v>115</v>
      </c>
      <c r="C163" s="194">
        <v>0.27300000000000002</v>
      </c>
      <c r="D163" s="94">
        <v>8.2375837549542058E-2</v>
      </c>
      <c r="E163" s="194">
        <v>0.182</v>
      </c>
      <c r="F163" s="94">
        <v>7.2311184616250163E-2</v>
      </c>
      <c r="G163" s="194">
        <v>0.54600000000000004</v>
      </c>
      <c r="H163" s="94">
        <v>9.1306826221241269E-2</v>
      </c>
      <c r="I163" s="194">
        <v>0</v>
      </c>
      <c r="J163" s="94">
        <v>2.3567715249216942E-2</v>
      </c>
      <c r="K163" s="192">
        <v>116</v>
      </c>
      <c r="L163" s="194">
        <v>0.215</v>
      </c>
      <c r="M163" s="94">
        <v>7.6179557625389235E-2</v>
      </c>
      <c r="N163" s="194">
        <v>0.219</v>
      </c>
      <c r="O163" s="94">
        <v>7.66410099581641E-2</v>
      </c>
      <c r="P163" s="194">
        <v>0.56599999999999995</v>
      </c>
      <c r="Q163" s="274">
        <v>9.0540885792000064E-2</v>
      </c>
      <c r="R163" s="194">
        <v>0</v>
      </c>
      <c r="S163" s="94">
        <v>2.3372982186625143E-2</v>
      </c>
    </row>
    <row r="164" spans="1:19">
      <c r="A164" s="49" t="s">
        <v>447</v>
      </c>
      <c r="B164" s="193">
        <v>107</v>
      </c>
      <c r="C164" s="195">
        <v>0.25900000000000001</v>
      </c>
      <c r="D164" s="97">
        <v>8.4048376089257568E-2</v>
      </c>
      <c r="E164" s="195">
        <v>0.26200000000000001</v>
      </c>
      <c r="F164" s="97">
        <v>8.4334147227780709E-2</v>
      </c>
      <c r="G164" s="195">
        <v>0.47899999999999998</v>
      </c>
      <c r="H164" s="97">
        <v>9.4837976789624551E-2</v>
      </c>
      <c r="I164" s="195">
        <v>0</v>
      </c>
      <c r="J164" s="97">
        <v>2.5250720474759302E-2</v>
      </c>
      <c r="K164" s="193">
        <v>107</v>
      </c>
      <c r="L164" s="195">
        <v>0.29499999999999998</v>
      </c>
      <c r="M164" s="97">
        <v>8.7188158410865108E-2</v>
      </c>
      <c r="N164" s="195">
        <v>0.21</v>
      </c>
      <c r="O164" s="97">
        <v>7.8694768842168306E-2</v>
      </c>
      <c r="P164" s="195">
        <v>0.495</v>
      </c>
      <c r="Q164" s="275">
        <v>9.4911389558875167E-2</v>
      </c>
      <c r="R164" s="195">
        <v>0</v>
      </c>
      <c r="S164" s="97">
        <v>2.5250720474759302E-2</v>
      </c>
    </row>
    <row r="165" spans="1:19" ht="25.5">
      <c r="A165" s="45" t="s">
        <v>448</v>
      </c>
      <c r="B165" s="192">
        <v>147</v>
      </c>
      <c r="C165" s="194">
        <v>0.23300000000000001</v>
      </c>
      <c r="D165" s="94">
        <v>6.9518281075221039E-2</v>
      </c>
      <c r="E165" s="194">
        <v>0.20699999999999999</v>
      </c>
      <c r="F165" s="94">
        <v>6.6837561141584428E-2</v>
      </c>
      <c r="G165" s="194">
        <v>0.55500000000000005</v>
      </c>
      <c r="H165" s="94">
        <v>8.0910897306606139E-2</v>
      </c>
      <c r="I165" s="194">
        <v>6.0000000000000001E-3</v>
      </c>
      <c r="J165" s="94">
        <v>2.2269757225663607E-2</v>
      </c>
      <c r="K165" s="192">
        <v>148</v>
      </c>
      <c r="L165" s="194">
        <v>0.255</v>
      </c>
      <c r="M165" s="94">
        <v>7.1283836280847779E-2</v>
      </c>
      <c r="N165" s="194">
        <v>0.188</v>
      </c>
      <c r="O165" s="94">
        <v>6.4422935536367049E-2</v>
      </c>
      <c r="P165" s="194">
        <v>0.55700000000000005</v>
      </c>
      <c r="Q165" s="274">
        <v>8.0609479330254558E-2</v>
      </c>
      <c r="R165" s="194">
        <v>0</v>
      </c>
      <c r="S165" s="94">
        <v>1.8485246281217643E-2</v>
      </c>
    </row>
    <row r="166" spans="1:19">
      <c r="A166" s="49" t="s">
        <v>449</v>
      </c>
      <c r="B166" s="193">
        <v>195</v>
      </c>
      <c r="C166" s="195">
        <v>0.13800000000000001</v>
      </c>
      <c r="D166" s="97">
        <v>4.9959009281794933E-2</v>
      </c>
      <c r="E166" s="195">
        <v>0.17100000000000001</v>
      </c>
      <c r="F166" s="97">
        <v>5.4184991960941016E-2</v>
      </c>
      <c r="G166" s="195">
        <v>0.68700000000000006</v>
      </c>
      <c r="H166" s="97">
        <v>6.5956078032273213E-2</v>
      </c>
      <c r="I166" s="195">
        <v>4.0000000000000001E-3</v>
      </c>
      <c r="J166" s="97">
        <v>1.6639658721778548E-2</v>
      </c>
      <c r="K166" s="193">
        <v>195</v>
      </c>
      <c r="L166" s="195">
        <v>0.14000000000000001</v>
      </c>
      <c r="M166" s="97">
        <v>5.0237163752074328E-2</v>
      </c>
      <c r="N166" s="195">
        <v>0.222</v>
      </c>
      <c r="O166" s="97">
        <v>5.94432577548396E-2</v>
      </c>
      <c r="P166" s="195">
        <v>0.626</v>
      </c>
      <c r="Q166" s="275">
        <v>6.8692866331740932E-2</v>
      </c>
      <c r="R166" s="195">
        <v>1.2E-2</v>
      </c>
      <c r="S166" s="97">
        <v>2.0707783001404838E-2</v>
      </c>
    </row>
    <row r="167" spans="1:19">
      <c r="A167" s="57" t="s">
        <v>450</v>
      </c>
      <c r="B167" s="192">
        <v>134</v>
      </c>
      <c r="C167" s="194">
        <v>0.184</v>
      </c>
      <c r="D167" s="94">
        <v>6.7211295341931571E-2</v>
      </c>
      <c r="E167" s="194">
        <v>0.23100000000000001</v>
      </c>
      <c r="F167" s="94">
        <v>7.2586389467339849E-2</v>
      </c>
      <c r="G167" s="194">
        <v>0.58399999999999996</v>
      </c>
      <c r="H167" s="94">
        <v>8.3985353331746115E-2</v>
      </c>
      <c r="I167" s="194">
        <v>0</v>
      </c>
      <c r="J167" s="94">
        <v>2.034678603371113E-2</v>
      </c>
      <c r="K167" s="192">
        <v>132</v>
      </c>
      <c r="L167" s="194">
        <v>0.26800000000000002</v>
      </c>
      <c r="M167" s="94">
        <v>7.6561308976268019E-2</v>
      </c>
      <c r="N167" s="194">
        <v>0.122</v>
      </c>
      <c r="O167" s="94">
        <v>5.8258384678124185E-2</v>
      </c>
      <c r="P167" s="194">
        <v>0.60499999999999998</v>
      </c>
      <c r="Q167" s="274">
        <v>8.3949212975768669E-2</v>
      </c>
      <c r="R167" s="194">
        <v>5.0000000000000001E-3</v>
      </c>
      <c r="S167" s="94">
        <v>2.374885505076545E-2</v>
      </c>
    </row>
    <row r="168" spans="1:19">
      <c r="A168" s="49" t="s">
        <v>443</v>
      </c>
      <c r="B168" s="193">
        <v>75</v>
      </c>
      <c r="C168" s="195">
        <v>0.16500000000000001</v>
      </c>
      <c r="D168" s="97">
        <v>8.6814758897842903E-2</v>
      </c>
      <c r="E168" s="195">
        <v>0.192</v>
      </c>
      <c r="F168" s="97">
        <v>9.1263779320070473E-2</v>
      </c>
      <c r="G168" s="195">
        <v>0.64300000000000002</v>
      </c>
      <c r="H168" s="97">
        <v>0.10828218172862102</v>
      </c>
      <c r="I168" s="195">
        <v>0</v>
      </c>
      <c r="J168" s="97">
        <v>3.5346768793784435E-2</v>
      </c>
      <c r="K168" s="193">
        <v>74</v>
      </c>
      <c r="L168" s="195">
        <v>0.22600000000000001</v>
      </c>
      <c r="M168" s="97">
        <v>9.6722352847465581E-2</v>
      </c>
      <c r="N168" s="195">
        <v>0.105</v>
      </c>
      <c r="O168" s="97">
        <v>7.4958874860233934E-2</v>
      </c>
      <c r="P168" s="195">
        <v>0.66900000000000004</v>
      </c>
      <c r="Q168" s="275">
        <v>0.10724838704715575</v>
      </c>
      <c r="R168" s="195">
        <v>0</v>
      </c>
      <c r="S168" s="97">
        <v>3.5793971305236552E-2</v>
      </c>
    </row>
    <row r="169" spans="1:19">
      <c r="A169" s="57" t="s">
        <v>451</v>
      </c>
      <c r="B169" s="192">
        <v>151</v>
      </c>
      <c r="C169" s="194">
        <v>0.315</v>
      </c>
      <c r="D169" s="94">
        <v>7.4922524919798492E-2</v>
      </c>
      <c r="E169" s="194">
        <v>0.125</v>
      </c>
      <c r="F169" s="94">
        <v>5.4840392947172148E-2</v>
      </c>
      <c r="G169" s="194">
        <v>0.56100000000000005</v>
      </c>
      <c r="H169" s="94">
        <v>7.9752613228913416E-2</v>
      </c>
      <c r="I169" s="194">
        <v>0</v>
      </c>
      <c r="J169" s="94">
        <v>1.8129806198091857E-2</v>
      </c>
      <c r="K169" s="192">
        <v>152</v>
      </c>
      <c r="L169" s="194">
        <v>0.29599999999999999</v>
      </c>
      <c r="M169" s="94">
        <v>7.3465636987189775E-2</v>
      </c>
      <c r="N169" s="194">
        <v>0.17399999999999999</v>
      </c>
      <c r="O169" s="94">
        <v>6.1831901738154983E-2</v>
      </c>
      <c r="P169" s="194">
        <v>0.51300000000000001</v>
      </c>
      <c r="Q169" s="274">
        <v>8.0038381106456988E-2</v>
      </c>
      <c r="R169" s="194">
        <v>1.7000000000000001E-2</v>
      </c>
      <c r="S169" s="94">
        <v>2.7042777017216871E-2</v>
      </c>
    </row>
    <row r="177" spans="1:10" ht="18.75">
      <c r="A177" s="316" t="s">
        <v>432</v>
      </c>
      <c r="B177" s="316"/>
      <c r="C177" s="316"/>
      <c r="D177" s="316"/>
      <c r="E177" s="226"/>
      <c r="F177" s="226"/>
      <c r="G177" s="226"/>
      <c r="H177" s="226"/>
      <c r="I177" s="226"/>
      <c r="J177" s="248"/>
    </row>
    <row r="178" spans="1:10" ht="132" customHeight="1">
      <c r="A178" s="385" t="s">
        <v>492</v>
      </c>
      <c r="B178" s="385"/>
      <c r="C178" s="385"/>
      <c r="D178" s="385"/>
      <c r="E178" s="278"/>
      <c r="F178" s="278"/>
      <c r="G178" s="278"/>
      <c r="H178" s="278"/>
      <c r="I178" s="278"/>
    </row>
    <row r="179" spans="1:10" ht="36" customHeight="1">
      <c r="A179" s="364" t="s">
        <v>166</v>
      </c>
      <c r="B179" s="364"/>
      <c r="C179" s="364"/>
      <c r="D179" s="364"/>
    </row>
    <row r="180" spans="1:10" ht="40.5" customHeight="1">
      <c r="A180" s="37" t="s">
        <v>85</v>
      </c>
      <c r="B180" s="38" t="s">
        <v>86</v>
      </c>
      <c r="C180" s="39" t="s">
        <v>87</v>
      </c>
      <c r="D180" s="40" t="s">
        <v>88</v>
      </c>
    </row>
    <row r="181" spans="1:10" ht="72">
      <c r="A181" s="41"/>
      <c r="B181" s="42" t="s">
        <v>89</v>
      </c>
      <c r="C181" s="126" t="s">
        <v>167</v>
      </c>
      <c r="D181" s="44" t="s">
        <v>91</v>
      </c>
    </row>
    <row r="182" spans="1:10">
      <c r="A182" s="45" t="s">
        <v>435</v>
      </c>
      <c r="B182" s="196">
        <v>10992</v>
      </c>
      <c r="C182" s="84">
        <v>3.79</v>
      </c>
      <c r="D182" s="85">
        <v>1.9599999999999999E-2</v>
      </c>
    </row>
    <row r="183" spans="1:10">
      <c r="A183" s="49" t="s">
        <v>436</v>
      </c>
      <c r="B183" s="49">
        <v>8875</v>
      </c>
      <c r="C183" s="200">
        <v>3.72</v>
      </c>
      <c r="D183" s="201">
        <v>1.9599999999999999E-2</v>
      </c>
    </row>
    <row r="184" spans="1:10">
      <c r="A184" s="45" t="s">
        <v>437</v>
      </c>
      <c r="B184" s="53">
        <v>1959</v>
      </c>
      <c r="C184" s="84">
        <v>4.0999999999999996</v>
      </c>
      <c r="D184" s="85">
        <v>5.8799999999999998E-2</v>
      </c>
    </row>
    <row r="185" spans="1:10">
      <c r="A185" s="49" t="s">
        <v>438</v>
      </c>
      <c r="B185" s="49">
        <v>1258</v>
      </c>
      <c r="C185" s="200">
        <v>3.83</v>
      </c>
      <c r="D185" s="201">
        <v>7.8399999999999997E-2</v>
      </c>
    </row>
    <row r="186" spans="1:10">
      <c r="A186" s="45" t="s">
        <v>439</v>
      </c>
      <c r="B186" s="53">
        <v>902</v>
      </c>
      <c r="C186" s="84">
        <v>3.73</v>
      </c>
      <c r="D186" s="85">
        <v>7.8399999999999997E-2</v>
      </c>
    </row>
    <row r="187" spans="1:10">
      <c r="A187" s="49" t="s">
        <v>444</v>
      </c>
      <c r="B187" s="49">
        <v>100</v>
      </c>
      <c r="C187" s="200">
        <v>4.59</v>
      </c>
      <c r="D187" s="201">
        <v>0.27440000000000003</v>
      </c>
    </row>
    <row r="188" spans="1:10">
      <c r="A188" s="45" t="s">
        <v>445</v>
      </c>
      <c r="B188" s="53">
        <v>306</v>
      </c>
      <c r="C188" s="84">
        <v>3.86</v>
      </c>
      <c r="D188" s="85">
        <v>0.13720000000000002</v>
      </c>
    </row>
    <row r="189" spans="1:10">
      <c r="A189" s="49" t="s">
        <v>440</v>
      </c>
      <c r="B189" s="49">
        <v>105</v>
      </c>
      <c r="C189" s="200">
        <v>3.57</v>
      </c>
      <c r="D189" s="201">
        <v>0.21559999999999999</v>
      </c>
    </row>
    <row r="190" spans="1:10">
      <c r="A190" s="45" t="s">
        <v>441</v>
      </c>
      <c r="B190" s="53">
        <v>96</v>
      </c>
      <c r="C190" s="84">
        <v>3.97</v>
      </c>
      <c r="D190" s="85">
        <v>0.21559999999999999</v>
      </c>
    </row>
    <row r="191" spans="1:10">
      <c r="A191" s="49" t="s">
        <v>442</v>
      </c>
      <c r="B191" s="49">
        <v>81</v>
      </c>
      <c r="C191" s="200">
        <v>4.22</v>
      </c>
      <c r="D191" s="201">
        <v>0.29399999999999998</v>
      </c>
    </row>
    <row r="192" spans="1:10">
      <c r="A192" s="45" t="s">
        <v>446</v>
      </c>
      <c r="B192" s="196">
        <v>116</v>
      </c>
      <c r="C192" s="84">
        <v>3.4</v>
      </c>
      <c r="D192" s="85">
        <v>0.23519999999999999</v>
      </c>
    </row>
    <row r="193" spans="1:46">
      <c r="A193" s="49" t="s">
        <v>447</v>
      </c>
      <c r="B193" s="199">
        <v>107</v>
      </c>
      <c r="C193" s="200">
        <v>3.84</v>
      </c>
      <c r="D193" s="201">
        <v>0.21559999999999999</v>
      </c>
    </row>
    <row r="194" spans="1:46" ht="25.5">
      <c r="A194" s="45" t="s">
        <v>448</v>
      </c>
      <c r="B194" s="83">
        <v>148</v>
      </c>
      <c r="C194" s="84">
        <v>3.16</v>
      </c>
      <c r="D194" s="85">
        <v>0.21559999999999999</v>
      </c>
    </row>
    <row r="195" spans="1:46">
      <c r="A195" s="49" t="s">
        <v>449</v>
      </c>
      <c r="B195" s="199">
        <v>194</v>
      </c>
      <c r="C195" s="200">
        <v>3.73</v>
      </c>
      <c r="D195" s="201">
        <v>0.1764</v>
      </c>
    </row>
    <row r="196" spans="1:46">
      <c r="A196" s="57" t="s">
        <v>450</v>
      </c>
      <c r="B196" s="196">
        <v>135</v>
      </c>
      <c r="C196" s="84">
        <v>4.53</v>
      </c>
      <c r="D196" s="85">
        <v>0.19600000000000001</v>
      </c>
    </row>
    <row r="197" spans="1:46">
      <c r="A197" s="49" t="s">
        <v>443</v>
      </c>
      <c r="B197" s="199">
        <v>76</v>
      </c>
      <c r="C197" s="200">
        <v>4.82</v>
      </c>
      <c r="D197" s="201">
        <v>0.25480000000000003</v>
      </c>
    </row>
    <row r="198" spans="1:46">
      <c r="A198" s="57" t="s">
        <v>451</v>
      </c>
      <c r="B198" s="196">
        <v>152</v>
      </c>
      <c r="C198" s="84">
        <v>3.27</v>
      </c>
      <c r="D198" s="85">
        <v>0.1764</v>
      </c>
    </row>
    <row r="206" spans="1:46" ht="18.75">
      <c r="A206" s="316" t="s">
        <v>52</v>
      </c>
      <c r="B206" s="316"/>
      <c r="C206" s="316"/>
      <c r="D206" s="316"/>
      <c r="E206" s="316"/>
      <c r="F206" s="316"/>
      <c r="G206" s="316"/>
      <c r="H206" s="316"/>
      <c r="I206" s="316"/>
      <c r="J206" s="316"/>
      <c r="K206" s="316"/>
      <c r="L206" s="316"/>
      <c r="M206" s="316"/>
      <c r="N206" s="316"/>
      <c r="O206" s="316"/>
      <c r="P206" s="316"/>
      <c r="Q206" s="316"/>
      <c r="R206" s="316"/>
      <c r="S206" s="316"/>
      <c r="T206" s="316"/>
      <c r="U206" s="316"/>
      <c r="V206" s="316"/>
      <c r="W206" s="316"/>
      <c r="X206" s="316"/>
      <c r="Y206" s="316"/>
      <c r="Z206" s="316"/>
      <c r="AA206" s="316"/>
      <c r="AB206" s="316"/>
      <c r="AC206" s="316"/>
      <c r="AD206" s="316"/>
      <c r="AE206" s="316"/>
      <c r="AF206" s="316"/>
      <c r="AG206" s="316"/>
      <c r="AH206" s="316"/>
      <c r="AI206" s="316"/>
      <c r="AJ206" s="316"/>
      <c r="AK206" s="316"/>
      <c r="AL206" s="316"/>
      <c r="AM206" s="316"/>
      <c r="AN206" s="316"/>
      <c r="AO206" s="316"/>
      <c r="AP206" s="316"/>
      <c r="AQ206" s="316"/>
      <c r="AR206" s="316"/>
      <c r="AS206" s="316"/>
      <c r="AT206" s="316"/>
    </row>
    <row r="207" spans="1:46" ht="54" customHeight="1">
      <c r="A207" s="385" t="s">
        <v>493</v>
      </c>
      <c r="B207" s="385"/>
      <c r="C207" s="385"/>
      <c r="D207" s="385"/>
      <c r="E207" s="385"/>
      <c r="F207" s="385"/>
      <c r="G207" s="385"/>
      <c r="H207" s="385"/>
      <c r="I207" s="385"/>
      <c r="J207" s="385"/>
      <c r="K207" s="385"/>
      <c r="L207" s="385"/>
      <c r="M207" s="385"/>
      <c r="N207" s="385"/>
      <c r="O207" s="385"/>
      <c r="P207" s="385"/>
      <c r="Q207" s="385"/>
      <c r="R207" s="385"/>
      <c r="S207" s="385"/>
      <c r="T207" s="385"/>
      <c r="U207" s="385"/>
      <c r="V207" s="385"/>
      <c r="W207" s="385"/>
      <c r="X207" s="385"/>
      <c r="Y207" s="385"/>
      <c r="Z207" s="385"/>
      <c r="AA207" s="385"/>
      <c r="AB207" s="385"/>
      <c r="AC207" s="385"/>
      <c r="AD207" s="385"/>
      <c r="AE207" s="385"/>
      <c r="AF207" s="385"/>
      <c r="AG207" s="385"/>
      <c r="AH207" s="385"/>
      <c r="AI207" s="385"/>
      <c r="AJ207" s="385"/>
      <c r="AK207" s="385"/>
      <c r="AL207" s="385"/>
      <c r="AM207" s="385"/>
      <c r="AN207" s="385"/>
      <c r="AO207" s="385"/>
      <c r="AP207" s="385"/>
      <c r="AQ207" s="385"/>
      <c r="AR207" s="385"/>
      <c r="AS207" s="385"/>
      <c r="AT207" s="385"/>
    </row>
    <row r="208" spans="1:46" ht="32.25" customHeight="1">
      <c r="A208" s="64"/>
      <c r="B208" s="376" t="s">
        <v>345</v>
      </c>
      <c r="C208" s="377"/>
      <c r="D208" s="377"/>
      <c r="E208" s="377"/>
      <c r="F208" s="377"/>
      <c r="G208" s="377"/>
      <c r="H208" s="377"/>
      <c r="I208" s="377"/>
      <c r="J208" s="378"/>
      <c r="K208" s="376" t="s">
        <v>346</v>
      </c>
      <c r="L208" s="377"/>
      <c r="M208" s="377"/>
      <c r="N208" s="377"/>
      <c r="O208" s="377"/>
      <c r="P208" s="377"/>
      <c r="Q208" s="377"/>
      <c r="R208" s="377"/>
      <c r="S208" s="378"/>
      <c r="T208" s="376" t="s">
        <v>347</v>
      </c>
      <c r="U208" s="377"/>
      <c r="V208" s="377"/>
      <c r="W208" s="377"/>
      <c r="X208" s="377"/>
      <c r="Y208" s="377"/>
      <c r="Z208" s="377"/>
      <c r="AA208" s="377"/>
      <c r="AB208" s="378"/>
      <c r="AC208" s="376" t="s">
        <v>348</v>
      </c>
      <c r="AD208" s="377"/>
      <c r="AE208" s="377"/>
      <c r="AF208" s="377"/>
      <c r="AG208" s="377"/>
      <c r="AH208" s="377"/>
      <c r="AI208" s="377"/>
      <c r="AJ208" s="377"/>
      <c r="AK208" s="378"/>
      <c r="AL208" s="376" t="s">
        <v>349</v>
      </c>
      <c r="AM208" s="377"/>
      <c r="AN208" s="377"/>
      <c r="AO208" s="377"/>
      <c r="AP208" s="377"/>
      <c r="AQ208" s="377"/>
      <c r="AR208" s="377"/>
      <c r="AS208" s="377"/>
      <c r="AT208" s="378"/>
    </row>
    <row r="209" spans="1:46" ht="60.75" customHeight="1">
      <c r="A209" s="37" t="s">
        <v>85</v>
      </c>
      <c r="B209" s="38" t="s">
        <v>86</v>
      </c>
      <c r="C209" s="38" t="s">
        <v>257</v>
      </c>
      <c r="D209" s="89" t="s">
        <v>350</v>
      </c>
      <c r="E209" s="38" t="s">
        <v>351</v>
      </c>
      <c r="F209" s="89" t="s">
        <v>318</v>
      </c>
      <c r="G209" s="38" t="s">
        <v>352</v>
      </c>
      <c r="H209" s="89" t="s">
        <v>319</v>
      </c>
      <c r="I209" s="38" t="s">
        <v>356</v>
      </c>
      <c r="J209" s="89" t="s">
        <v>370</v>
      </c>
      <c r="K209" s="65" t="s">
        <v>86</v>
      </c>
      <c r="L209" s="65" t="s">
        <v>426</v>
      </c>
      <c r="M209" s="88" t="s">
        <v>427</v>
      </c>
      <c r="N209" s="65" t="s">
        <v>422</v>
      </c>
      <c r="O209" s="88" t="s">
        <v>424</v>
      </c>
      <c r="P209" s="65" t="s">
        <v>428</v>
      </c>
      <c r="Q209" s="88" t="s">
        <v>429</v>
      </c>
      <c r="R209" s="276" t="s">
        <v>356</v>
      </c>
      <c r="S209" s="88" t="s">
        <v>370</v>
      </c>
      <c r="T209" s="38" t="s">
        <v>86</v>
      </c>
      <c r="U209" s="38" t="s">
        <v>426</v>
      </c>
      <c r="V209" s="89" t="s">
        <v>427</v>
      </c>
      <c r="W209" s="38" t="s">
        <v>422</v>
      </c>
      <c r="X209" s="89" t="s">
        <v>424</v>
      </c>
      <c r="Y209" s="38" t="s">
        <v>428</v>
      </c>
      <c r="Z209" s="89" t="s">
        <v>429</v>
      </c>
      <c r="AA209" s="38" t="s">
        <v>356</v>
      </c>
      <c r="AB209" s="89" t="s">
        <v>370</v>
      </c>
      <c r="AC209" s="65" t="s">
        <v>86</v>
      </c>
      <c r="AD209" s="65" t="s">
        <v>426</v>
      </c>
      <c r="AE209" s="88" t="s">
        <v>427</v>
      </c>
      <c r="AF209" s="65" t="s">
        <v>422</v>
      </c>
      <c r="AG209" s="88" t="s">
        <v>424</v>
      </c>
      <c r="AH209" s="65" t="s">
        <v>428</v>
      </c>
      <c r="AI209" s="88" t="s">
        <v>429</v>
      </c>
      <c r="AJ209" s="65" t="s">
        <v>356</v>
      </c>
      <c r="AK209" s="88" t="s">
        <v>370</v>
      </c>
      <c r="AL209" s="38" t="s">
        <v>86</v>
      </c>
      <c r="AM209" s="38" t="s">
        <v>426</v>
      </c>
      <c r="AN209" s="89" t="s">
        <v>427</v>
      </c>
      <c r="AO209" s="38" t="s">
        <v>422</v>
      </c>
      <c r="AP209" s="89" t="s">
        <v>424</v>
      </c>
      <c r="AQ209" s="38" t="s">
        <v>428</v>
      </c>
      <c r="AR209" s="89" t="s">
        <v>429</v>
      </c>
      <c r="AS209" s="38" t="s">
        <v>356</v>
      </c>
      <c r="AT209" s="89" t="s">
        <v>370</v>
      </c>
    </row>
    <row r="210" spans="1:46" ht="72">
      <c r="A210" s="41"/>
      <c r="B210" s="42" t="s">
        <v>89</v>
      </c>
      <c r="C210" s="42" t="s">
        <v>181</v>
      </c>
      <c r="D210" s="91" t="s">
        <v>104</v>
      </c>
      <c r="E210" s="42" t="s">
        <v>182</v>
      </c>
      <c r="F210" s="91" t="s">
        <v>104</v>
      </c>
      <c r="G210" s="42" t="s">
        <v>183</v>
      </c>
      <c r="H210" s="91" t="s">
        <v>104</v>
      </c>
      <c r="I210" s="42" t="s">
        <v>356</v>
      </c>
      <c r="J210" s="91" t="s">
        <v>104</v>
      </c>
      <c r="K210" s="68" t="s">
        <v>89</v>
      </c>
      <c r="L210" s="68" t="s">
        <v>421</v>
      </c>
      <c r="M210" s="90" t="s">
        <v>104</v>
      </c>
      <c r="N210" s="68" t="s">
        <v>423</v>
      </c>
      <c r="O210" s="90" t="s">
        <v>104</v>
      </c>
      <c r="P210" s="68" t="s">
        <v>181</v>
      </c>
      <c r="Q210" s="90" t="s">
        <v>104</v>
      </c>
      <c r="R210" s="277" t="s">
        <v>356</v>
      </c>
      <c r="S210" s="90" t="s">
        <v>104</v>
      </c>
      <c r="T210" s="42" t="s">
        <v>89</v>
      </c>
      <c r="U210" s="42" t="s">
        <v>421</v>
      </c>
      <c r="V210" s="91" t="s">
        <v>104</v>
      </c>
      <c r="W210" s="42" t="s">
        <v>423</v>
      </c>
      <c r="X210" s="91" t="s">
        <v>104</v>
      </c>
      <c r="Y210" s="42" t="s">
        <v>181</v>
      </c>
      <c r="Z210" s="91" t="s">
        <v>104</v>
      </c>
      <c r="AA210" s="42" t="s">
        <v>356</v>
      </c>
      <c r="AB210" s="91" t="s">
        <v>104</v>
      </c>
      <c r="AC210" s="68" t="s">
        <v>89</v>
      </c>
      <c r="AD210" s="68" t="s">
        <v>421</v>
      </c>
      <c r="AE210" s="90" t="s">
        <v>104</v>
      </c>
      <c r="AF210" s="68" t="s">
        <v>423</v>
      </c>
      <c r="AG210" s="90" t="s">
        <v>104</v>
      </c>
      <c r="AH210" s="68" t="s">
        <v>181</v>
      </c>
      <c r="AI210" s="90" t="s">
        <v>104</v>
      </c>
      <c r="AJ210" s="68" t="s">
        <v>356</v>
      </c>
      <c r="AK210" s="90" t="s">
        <v>104</v>
      </c>
      <c r="AL210" s="42" t="s">
        <v>89</v>
      </c>
      <c r="AM210" s="42" t="s">
        <v>421</v>
      </c>
      <c r="AN210" s="91" t="s">
        <v>104</v>
      </c>
      <c r="AO210" s="42" t="s">
        <v>423</v>
      </c>
      <c r="AP210" s="91" t="s">
        <v>104</v>
      </c>
      <c r="AQ210" s="42" t="s">
        <v>181</v>
      </c>
      <c r="AR210" s="91" t="s">
        <v>104</v>
      </c>
      <c r="AS210" s="42" t="s">
        <v>356</v>
      </c>
      <c r="AT210" s="91" t="s">
        <v>104</v>
      </c>
    </row>
    <row r="211" spans="1:46">
      <c r="A211" s="45" t="s">
        <v>435</v>
      </c>
      <c r="B211" s="196">
        <v>10961</v>
      </c>
      <c r="C211" s="202">
        <v>0.14099999999999999</v>
      </c>
      <c r="D211" s="94">
        <v>6.6496731982213864E-3</v>
      </c>
      <c r="E211" s="202">
        <v>0.16800000000000001</v>
      </c>
      <c r="F211" s="94">
        <v>7.1427731357552237E-3</v>
      </c>
      <c r="G211" s="202">
        <v>0.68</v>
      </c>
      <c r="H211" s="94">
        <v>8.9100205820281352E-3</v>
      </c>
      <c r="I211" s="202">
        <v>1.2E-2</v>
      </c>
      <c r="J211" s="94">
        <v>2.0948521605220535E-3</v>
      </c>
      <c r="K211" s="196">
        <v>10984</v>
      </c>
      <c r="L211" s="202">
        <v>0.24762340161244129</v>
      </c>
      <c r="M211" s="94">
        <v>8.2364143383151945E-3</v>
      </c>
      <c r="N211" s="202">
        <v>0.42597845827984321</v>
      </c>
      <c r="O211" s="94">
        <v>9.4347875729083579E-3</v>
      </c>
      <c r="P211" s="202">
        <v>0.25040651474367437</v>
      </c>
      <c r="Q211" s="94">
        <v>8.2672075167569154E-3</v>
      </c>
      <c r="R211" s="202">
        <v>7.5991625364043358E-2</v>
      </c>
      <c r="S211" s="94">
        <v>5.0605280136049573E-3</v>
      </c>
      <c r="T211" s="196">
        <v>11013</v>
      </c>
      <c r="U211" s="202">
        <v>0.38190920252164035</v>
      </c>
      <c r="V211" s="94">
        <v>9.2579287671147731E-3</v>
      </c>
      <c r="W211" s="202">
        <v>0.31175161858371059</v>
      </c>
      <c r="X211" s="94">
        <v>8.8267599421445828E-3</v>
      </c>
      <c r="Y211" s="202">
        <v>0.13993233793948978</v>
      </c>
      <c r="Z211" s="94">
        <v>6.6129226233515963E-3</v>
      </c>
      <c r="AA211" s="202">
        <v>0.16640684095515595</v>
      </c>
      <c r="AB211" s="94">
        <v>7.098840526480737E-3</v>
      </c>
      <c r="AC211" s="196">
        <v>11013</v>
      </c>
      <c r="AD211" s="202">
        <v>0.35199999999999998</v>
      </c>
      <c r="AE211" s="94">
        <v>9.1006475318986639E-3</v>
      </c>
      <c r="AF211" s="202">
        <v>0.34399999999999997</v>
      </c>
      <c r="AG211" s="94">
        <v>9.0520399674367223E-3</v>
      </c>
      <c r="AH211" s="202">
        <v>0.14300000000000002</v>
      </c>
      <c r="AI211" s="94">
        <v>6.6729925909146245E-3</v>
      </c>
      <c r="AJ211" s="202">
        <v>0.16200000000000001</v>
      </c>
      <c r="AK211" s="94">
        <v>7.0228027118382158E-3</v>
      </c>
      <c r="AL211" s="196">
        <v>11001</v>
      </c>
      <c r="AM211" s="202">
        <v>0.224</v>
      </c>
      <c r="AN211" s="94">
        <v>7.9498511210027521E-3</v>
      </c>
      <c r="AO211" s="202">
        <v>0.33399999999999996</v>
      </c>
      <c r="AP211" s="94">
        <v>8.9921774875635265E-3</v>
      </c>
      <c r="AQ211" s="202">
        <v>0.17199999999999999</v>
      </c>
      <c r="AR211" s="94">
        <v>7.1967025905684389E-3</v>
      </c>
      <c r="AS211" s="202">
        <v>0.27</v>
      </c>
      <c r="AT211" s="94">
        <v>8.4648767501296386E-3</v>
      </c>
    </row>
    <row r="212" spans="1:46">
      <c r="A212" s="49" t="s">
        <v>436</v>
      </c>
      <c r="B212" s="199">
        <v>8815</v>
      </c>
      <c r="C212" s="203">
        <v>0.13900000000000001</v>
      </c>
      <c r="D212" s="97">
        <v>7.3712924673769668E-3</v>
      </c>
      <c r="E212" s="203">
        <v>0.16500000000000001</v>
      </c>
      <c r="F212" s="97">
        <v>7.9079859718514459E-3</v>
      </c>
      <c r="G212" s="203">
        <v>0.69</v>
      </c>
      <c r="H212" s="97">
        <v>9.8505153292116013E-3</v>
      </c>
      <c r="I212" s="203">
        <v>7.0000000000000001E-3</v>
      </c>
      <c r="J212" s="97">
        <v>1.8035290152243254E-3</v>
      </c>
      <c r="K212" s="199">
        <v>8837</v>
      </c>
      <c r="L212" s="203">
        <v>0.24399999999999999</v>
      </c>
      <c r="M212" s="97">
        <v>9.1370266845013145E-3</v>
      </c>
      <c r="N212" s="203">
        <v>0.432</v>
      </c>
      <c r="O212" s="97">
        <v>1.0536564827741743E-2</v>
      </c>
      <c r="P212" s="203">
        <v>0.253</v>
      </c>
      <c r="Q212" s="97">
        <v>9.2483289461389086E-3</v>
      </c>
      <c r="R212" s="203">
        <v>7.0999999999999994E-2</v>
      </c>
      <c r="S212" s="97">
        <v>5.4697033519390129E-3</v>
      </c>
      <c r="T212" s="199">
        <v>8865</v>
      </c>
      <c r="U212" s="203">
        <v>0.443</v>
      </c>
      <c r="V212" s="97">
        <v>1.0549325855996531E-2</v>
      </c>
      <c r="W212" s="203">
        <v>0.27800000000000002</v>
      </c>
      <c r="X212" s="97">
        <v>9.5155028372994714E-3</v>
      </c>
      <c r="Y212" s="203">
        <v>0.106</v>
      </c>
      <c r="Z212" s="97">
        <v>6.5423671637353902E-3</v>
      </c>
      <c r="AA212" s="203">
        <v>0.17399999999999999</v>
      </c>
      <c r="AB212" s="97">
        <v>8.0538228135833712E-3</v>
      </c>
      <c r="AC212" s="199">
        <v>8867</v>
      </c>
      <c r="AD212" s="203">
        <v>0.39200000000000002</v>
      </c>
      <c r="AE212" s="97">
        <v>1.0366880930254967E-2</v>
      </c>
      <c r="AF212" s="203">
        <v>0.33699999999999997</v>
      </c>
      <c r="AG212" s="97">
        <v>1.0037803753330382E-2</v>
      </c>
      <c r="AH212" s="203">
        <v>0.11199999999999999</v>
      </c>
      <c r="AI212" s="97">
        <v>6.7012427308636973E-3</v>
      </c>
      <c r="AJ212" s="203">
        <v>0.16</v>
      </c>
      <c r="AK212" s="97">
        <v>7.7877440804348273E-3</v>
      </c>
      <c r="AL212" s="199">
        <v>8853</v>
      </c>
      <c r="AM212" s="203">
        <v>0.245</v>
      </c>
      <c r="AN212" s="97">
        <v>9.1413873826699747E-3</v>
      </c>
      <c r="AO212" s="203">
        <v>0.31699999999999995</v>
      </c>
      <c r="AP212" s="97">
        <v>9.8891049241212961E-3</v>
      </c>
      <c r="AQ212" s="203">
        <v>0.14500000000000002</v>
      </c>
      <c r="AR212" s="97">
        <v>7.4860543309023002E-3</v>
      </c>
      <c r="AS212" s="203">
        <v>0.29299999999999998</v>
      </c>
      <c r="AT212" s="97">
        <v>9.6732129372762449E-3</v>
      </c>
    </row>
    <row r="213" spans="1:46">
      <c r="A213" s="45" t="s">
        <v>437</v>
      </c>
      <c r="B213" s="196">
        <v>1979</v>
      </c>
      <c r="C213" s="202">
        <v>0.113</v>
      </c>
      <c r="D213" s="94">
        <v>1.4261770176601274E-2</v>
      </c>
      <c r="E213" s="202">
        <v>0.17199999999999999</v>
      </c>
      <c r="F213" s="94">
        <v>1.6974935541793384E-2</v>
      </c>
      <c r="G213" s="202">
        <v>0.69699999999999995</v>
      </c>
      <c r="H213" s="94">
        <v>2.0647482298883774E-2</v>
      </c>
      <c r="I213" s="202">
        <v>1.7999999999999999E-2</v>
      </c>
      <c r="J213" s="94">
        <v>6.1272960434247447E-3</v>
      </c>
      <c r="K213" s="196">
        <v>1984</v>
      </c>
      <c r="L213" s="202">
        <v>0.20799999999999999</v>
      </c>
      <c r="M213" s="94">
        <v>1.8224994969946607E-2</v>
      </c>
      <c r="N213" s="202">
        <v>0.434</v>
      </c>
      <c r="O213" s="94">
        <v>2.2232605686554458E-2</v>
      </c>
      <c r="P213" s="202">
        <v>0.27</v>
      </c>
      <c r="Q213" s="94">
        <v>1.9925043799832422E-2</v>
      </c>
      <c r="R213" s="202">
        <v>8.6999999999999994E-2</v>
      </c>
      <c r="S213" s="94">
        <v>1.269648027309781E-2</v>
      </c>
      <c r="T213" s="196">
        <v>1986</v>
      </c>
      <c r="U213" s="202">
        <v>0.219</v>
      </c>
      <c r="V213" s="94">
        <v>1.855894383417829E-2</v>
      </c>
      <c r="W213" s="202">
        <v>0.36599999999999999</v>
      </c>
      <c r="X213" s="94">
        <v>2.160011689792303E-2</v>
      </c>
      <c r="Y213" s="202">
        <v>0.23100000000000001</v>
      </c>
      <c r="Z213" s="94">
        <v>1.8911569197501733E-2</v>
      </c>
      <c r="AA213" s="202">
        <v>0.184</v>
      </c>
      <c r="AB213" s="94">
        <v>1.7395489954830399E-2</v>
      </c>
      <c r="AC213" s="196">
        <v>1983</v>
      </c>
      <c r="AD213" s="202">
        <v>0.23200000000000001</v>
      </c>
      <c r="AE213" s="94">
        <v>1.8954286892245192E-2</v>
      </c>
      <c r="AF213" s="202">
        <v>0.35199999999999998</v>
      </c>
      <c r="AG213" s="94">
        <v>2.1432545391067773E-2</v>
      </c>
      <c r="AH213" s="202">
        <v>0.23599999999999999</v>
      </c>
      <c r="AI213" s="94">
        <v>1.9066504830662426E-2</v>
      </c>
      <c r="AJ213" s="202">
        <v>0.18</v>
      </c>
      <c r="AK213" s="94">
        <v>1.7261531587788474E-2</v>
      </c>
      <c r="AL213" s="196">
        <v>1983</v>
      </c>
      <c r="AM213" s="202">
        <v>0.152</v>
      </c>
      <c r="AN213" s="94">
        <v>1.6138747587320298E-2</v>
      </c>
      <c r="AO213" s="202">
        <v>0.35199999999999998</v>
      </c>
      <c r="AP213" s="94">
        <v>2.1432545391067773E-2</v>
      </c>
      <c r="AQ213" s="202">
        <v>0.245</v>
      </c>
      <c r="AR213" s="94">
        <v>1.9310538736243974E-2</v>
      </c>
      <c r="AS213" s="202">
        <v>0.251</v>
      </c>
      <c r="AT213" s="94">
        <v>1.9466894733485177E-2</v>
      </c>
    </row>
    <row r="214" spans="1:46">
      <c r="A214" s="49" t="s">
        <v>438</v>
      </c>
      <c r="B214" s="199">
        <v>1257</v>
      </c>
      <c r="C214" s="203">
        <v>0.13</v>
      </c>
      <c r="D214" s="97">
        <v>1.9013509079102545E-2</v>
      </c>
      <c r="E214" s="203">
        <v>0.17799999999999999</v>
      </c>
      <c r="F214" s="97">
        <v>2.1591899806895902E-2</v>
      </c>
      <c r="G214" s="203">
        <v>0.68799999999999994</v>
      </c>
      <c r="H214" s="97">
        <v>2.6107802665974785E-2</v>
      </c>
      <c r="I214" s="203">
        <v>4.0000000000000001E-3</v>
      </c>
      <c r="J214" s="97">
        <v>4.1929256535948442E-3</v>
      </c>
      <c r="K214" s="199">
        <v>1260</v>
      </c>
      <c r="L214" s="203">
        <v>0.24018755450436974</v>
      </c>
      <c r="M214" s="97">
        <v>2.4059791568629838E-2</v>
      </c>
      <c r="N214" s="203">
        <v>0.4420706153453271</v>
      </c>
      <c r="O214" s="97">
        <v>2.7938981439985883E-2</v>
      </c>
      <c r="P214" s="203">
        <v>0.25463604890662617</v>
      </c>
      <c r="Q214" s="97">
        <v>2.4532138776480056E-2</v>
      </c>
      <c r="R214" s="203">
        <v>6.310578124367304E-2</v>
      </c>
      <c r="S214" s="97">
        <v>1.3817253201008177E-2</v>
      </c>
      <c r="T214" s="199">
        <v>1262</v>
      </c>
      <c r="U214" s="203">
        <v>0.36728466907294027</v>
      </c>
      <c r="V214" s="97">
        <v>2.7103322633930369E-2</v>
      </c>
      <c r="W214" s="203">
        <v>0.33934367136407084</v>
      </c>
      <c r="X214" s="97">
        <v>2.6624317814196143E-2</v>
      </c>
      <c r="Y214" s="203">
        <v>0.1362152256809645</v>
      </c>
      <c r="Z214" s="97">
        <v>1.9349254043953545E-2</v>
      </c>
      <c r="AA214" s="203">
        <v>0.15715643388202116</v>
      </c>
      <c r="AB214" s="97">
        <v>2.0514694413836292E-2</v>
      </c>
      <c r="AC214" s="199">
        <v>1259</v>
      </c>
      <c r="AD214" s="203">
        <v>0.33800000000000002</v>
      </c>
      <c r="AE214" s="97">
        <v>2.6630337657467459E-2</v>
      </c>
      <c r="AF214" s="203">
        <v>0.35699999999999998</v>
      </c>
      <c r="AG214" s="97">
        <v>2.6970575527910417E-2</v>
      </c>
      <c r="AH214" s="203">
        <v>0.161</v>
      </c>
      <c r="AI214" s="97">
        <v>2.0738981949182105E-2</v>
      </c>
      <c r="AJ214" s="203">
        <v>0.14499999999999999</v>
      </c>
      <c r="AK214" s="97">
        <v>1.9878649591380717E-2</v>
      </c>
      <c r="AL214" s="199">
        <v>1260</v>
      </c>
      <c r="AM214" s="203">
        <v>0.219</v>
      </c>
      <c r="AN214" s="97">
        <v>2.3298962492240005E-2</v>
      </c>
      <c r="AO214" s="203">
        <v>0.36199999999999999</v>
      </c>
      <c r="AP214" s="97">
        <v>2.704171302732768E-2</v>
      </c>
      <c r="AQ214" s="203">
        <v>0.184</v>
      </c>
      <c r="AR214" s="97">
        <v>2.1843444690555724E-2</v>
      </c>
      <c r="AS214" s="203">
        <v>0.23499999999999999</v>
      </c>
      <c r="AT214" s="97">
        <v>2.3881217048756211E-2</v>
      </c>
    </row>
    <row r="215" spans="1:46">
      <c r="A215" s="45" t="s">
        <v>439</v>
      </c>
      <c r="B215" s="196">
        <v>898</v>
      </c>
      <c r="C215" s="202">
        <v>0.14099999999999999</v>
      </c>
      <c r="D215" s="94">
        <v>2.3284563200535794E-2</v>
      </c>
      <c r="E215" s="202">
        <v>0.16400000000000001</v>
      </c>
      <c r="F215" s="94">
        <v>2.4747332919446575E-2</v>
      </c>
      <c r="G215" s="202">
        <v>0.69299999999999995</v>
      </c>
      <c r="H215" s="94">
        <v>3.0739635864320481E-2</v>
      </c>
      <c r="I215" s="202">
        <v>3.0000000000000001E-3</v>
      </c>
      <c r="J215" s="94">
        <v>4.791395469130026E-3</v>
      </c>
      <c r="K215" s="196">
        <v>901</v>
      </c>
      <c r="L215" s="202">
        <v>0.22800000000000001</v>
      </c>
      <c r="M215" s="94">
        <v>2.7943791799177366E-2</v>
      </c>
      <c r="N215" s="202">
        <v>0.45599999999999996</v>
      </c>
      <c r="O215" s="94">
        <v>3.3113304631358871E-2</v>
      </c>
      <c r="P215" s="202">
        <v>0.26100000000000001</v>
      </c>
      <c r="Q215" s="94">
        <v>2.923577775848063E-2</v>
      </c>
      <c r="R215" s="202">
        <v>5.5E-2</v>
      </c>
      <c r="S215" s="94">
        <v>1.5409207082742309E-2</v>
      </c>
      <c r="T215" s="196">
        <v>903</v>
      </c>
      <c r="U215" s="202">
        <v>0.438</v>
      </c>
      <c r="V215" s="94">
        <v>3.2950454298083819E-2</v>
      </c>
      <c r="W215" s="202">
        <v>0.28299999999999997</v>
      </c>
      <c r="X215" s="94">
        <v>2.994485358705436E-2</v>
      </c>
      <c r="Y215" s="202">
        <v>0.10800000000000001</v>
      </c>
      <c r="Z215" s="94">
        <v>2.0756197184284349E-2</v>
      </c>
      <c r="AA215" s="202">
        <v>0.17100000000000001</v>
      </c>
      <c r="AB215" s="94">
        <v>2.5087420377776962E-2</v>
      </c>
      <c r="AC215" s="196">
        <v>900</v>
      </c>
      <c r="AD215" s="202">
        <v>0.39400000000000002</v>
      </c>
      <c r="AE215" s="94">
        <v>3.2510257989194137E-2</v>
      </c>
      <c r="AF215" s="202">
        <v>0.32700000000000001</v>
      </c>
      <c r="AG215" s="94">
        <v>3.1223946480108983E-2</v>
      </c>
      <c r="AH215" s="202">
        <v>0.14299999999999999</v>
      </c>
      <c r="AI215" s="94">
        <v>2.3393173875312461E-2</v>
      </c>
      <c r="AJ215" s="202">
        <v>0.13500000000000001</v>
      </c>
      <c r="AK215" s="94">
        <v>2.2845321932873891E-2</v>
      </c>
      <c r="AL215" s="196">
        <v>901</v>
      </c>
      <c r="AM215" s="202">
        <v>0.26800000000000002</v>
      </c>
      <c r="AN215" s="94">
        <v>2.9481766312938484E-2</v>
      </c>
      <c r="AO215" s="202">
        <v>0.31499999999999995</v>
      </c>
      <c r="AP215" s="94">
        <v>3.090365515663545E-2</v>
      </c>
      <c r="AQ215" s="202">
        <v>0.154</v>
      </c>
      <c r="AR215" s="94">
        <v>2.4093732641952283E-2</v>
      </c>
      <c r="AS215" s="202">
        <v>0.26300000000000001</v>
      </c>
      <c r="AT215" s="94">
        <v>2.9307018318211364E-2</v>
      </c>
    </row>
    <row r="216" spans="1:46">
      <c r="A216" s="49" t="s">
        <v>444</v>
      </c>
      <c r="B216" s="199">
        <v>102</v>
      </c>
      <c r="C216" s="203">
        <v>4.3999999999999997E-2</v>
      </c>
      <c r="D216" s="97">
        <v>4.6565508062345905E-2</v>
      </c>
      <c r="E216" s="203">
        <v>0.16700000000000001</v>
      </c>
      <c r="F216" s="97">
        <v>7.4560871884249702E-2</v>
      </c>
      <c r="G216" s="203">
        <v>0.77800000000000002</v>
      </c>
      <c r="H216" s="97">
        <v>8.2058125450790664E-2</v>
      </c>
      <c r="I216" s="203">
        <v>1.0999999999999999E-2</v>
      </c>
      <c r="J216" s="97">
        <v>3.2843460037978132E-2</v>
      </c>
      <c r="K216" s="199">
        <v>102</v>
      </c>
      <c r="L216" s="203">
        <v>0.10217053500867944</v>
      </c>
      <c r="M216" s="97">
        <v>6.2480523680140815E-2</v>
      </c>
      <c r="N216" s="203">
        <v>0.44833613506562608</v>
      </c>
      <c r="O216" s="97">
        <v>9.6647285168062994E-2</v>
      </c>
      <c r="P216" s="203">
        <v>0.34446939907451662</v>
      </c>
      <c r="Q216" s="97">
        <v>9.2675418356232178E-2</v>
      </c>
      <c r="R216" s="203">
        <v>0.10502393085117739</v>
      </c>
      <c r="S216" s="97">
        <v>6.310990650625857E-2</v>
      </c>
      <c r="T216" s="199">
        <v>102</v>
      </c>
      <c r="U216" s="203">
        <v>9.1878714111897686E-2</v>
      </c>
      <c r="V216" s="97">
        <v>6.011643498307688E-2</v>
      </c>
      <c r="W216" s="203">
        <v>0.41603068976127455</v>
      </c>
      <c r="X216" s="97">
        <v>9.5851940428737167E-2</v>
      </c>
      <c r="Y216" s="203">
        <v>0.28054459753189703</v>
      </c>
      <c r="Z216" s="97">
        <v>8.8040623905213541E-2</v>
      </c>
      <c r="AA216" s="203">
        <v>0.21154599859493026</v>
      </c>
      <c r="AB216" s="97">
        <v>8.0787510923299499E-2</v>
      </c>
      <c r="AC216" s="199">
        <v>102</v>
      </c>
      <c r="AD216" s="203">
        <v>0.13</v>
      </c>
      <c r="AE216" s="97">
        <v>6.8194264864672519E-2</v>
      </c>
      <c r="AF216" s="203">
        <v>0.41500000000000004</v>
      </c>
      <c r="AG216" s="97">
        <v>9.5820192195870887E-2</v>
      </c>
      <c r="AH216" s="203">
        <v>0.28800000000000003</v>
      </c>
      <c r="AI216" s="97">
        <v>8.8676643879949141E-2</v>
      </c>
      <c r="AJ216" s="203">
        <v>0.16700000000000001</v>
      </c>
      <c r="AK216" s="97">
        <v>7.4560871884249702E-2</v>
      </c>
      <c r="AL216" s="199">
        <v>102</v>
      </c>
      <c r="AM216" s="203">
        <v>5.1999999999999998E-2</v>
      </c>
      <c r="AN216" s="97">
        <v>4.9204107186029578E-2</v>
      </c>
      <c r="AO216" s="203">
        <v>0.40900000000000003</v>
      </c>
      <c r="AP216" s="97">
        <v>9.5627458959183551E-2</v>
      </c>
      <c r="AQ216" s="203">
        <v>0.26900000000000002</v>
      </c>
      <c r="AR216" s="97">
        <v>8.7002550282066271E-2</v>
      </c>
      <c r="AS216" s="203">
        <v>0.26900000000000002</v>
      </c>
      <c r="AT216" s="97">
        <v>8.7002550282066271E-2</v>
      </c>
    </row>
    <row r="217" spans="1:46">
      <c r="A217" s="45" t="s">
        <v>445</v>
      </c>
      <c r="B217" s="196">
        <v>303</v>
      </c>
      <c r="C217" s="202">
        <v>9.2999999999999999E-2</v>
      </c>
      <c r="D217" s="94">
        <v>3.3983990336072745E-2</v>
      </c>
      <c r="E217" s="202">
        <v>0.13200000000000001</v>
      </c>
      <c r="F217" s="94">
        <v>3.9224065964808215E-2</v>
      </c>
      <c r="G217" s="202">
        <v>0.77100000000000002</v>
      </c>
      <c r="H217" s="94">
        <v>4.8220490382512096E-2</v>
      </c>
      <c r="I217" s="202">
        <v>5.0000000000000001E-3</v>
      </c>
      <c r="J217" s="94">
        <v>1.2143775011186467E-2</v>
      </c>
      <c r="K217" s="196">
        <v>306</v>
      </c>
      <c r="L217" s="202">
        <v>0.2059486319821113</v>
      </c>
      <c r="M217" s="94">
        <v>4.6246294765775152E-2</v>
      </c>
      <c r="N217" s="202">
        <v>0.43964654373130907</v>
      </c>
      <c r="O217" s="94">
        <v>5.6391586524403604E-2</v>
      </c>
      <c r="P217" s="202">
        <v>0.29436166205330438</v>
      </c>
      <c r="Q217" s="94">
        <v>5.190526284683053E-2</v>
      </c>
      <c r="R217" s="202">
        <v>6.0043162233274813E-2</v>
      </c>
      <c r="S217" s="94">
        <v>2.8147286127194401E-2</v>
      </c>
      <c r="T217" s="196">
        <v>307</v>
      </c>
      <c r="U217" s="202">
        <v>0.39164050427812852</v>
      </c>
      <c r="V217" s="94">
        <v>5.5392004562690035E-2</v>
      </c>
      <c r="W217" s="202">
        <v>0.34571249061172005</v>
      </c>
      <c r="X217" s="94">
        <v>5.4010093670740555E-2</v>
      </c>
      <c r="Y217" s="202">
        <v>0.11792814444569999</v>
      </c>
      <c r="Z217" s="94">
        <v>3.7227385600977166E-2</v>
      </c>
      <c r="AA217" s="202">
        <v>0.14471886066445136</v>
      </c>
      <c r="AB217" s="94">
        <v>4.0416062630539117E-2</v>
      </c>
      <c r="AC217" s="196">
        <v>306</v>
      </c>
      <c r="AD217" s="202">
        <v>0.30499999999999999</v>
      </c>
      <c r="AE217" s="94">
        <v>5.2418903191842815E-2</v>
      </c>
      <c r="AF217" s="202">
        <v>0.40900000000000003</v>
      </c>
      <c r="AG217" s="94">
        <v>5.5872126410375665E-2</v>
      </c>
      <c r="AH217" s="202">
        <v>0.14700000000000002</v>
      </c>
      <c r="AI217" s="94">
        <v>4.0732957183914294E-2</v>
      </c>
      <c r="AJ217" s="202">
        <v>0.13900000000000001</v>
      </c>
      <c r="AK217" s="94">
        <v>3.9841690762090515E-2</v>
      </c>
      <c r="AL217" s="196">
        <v>307</v>
      </c>
      <c r="AM217" s="202">
        <v>0.17799999999999999</v>
      </c>
      <c r="AN217" s="94">
        <v>4.3771690728252349E-2</v>
      </c>
      <c r="AO217" s="202">
        <v>0.34099999999999997</v>
      </c>
      <c r="AP217" s="94">
        <v>5.3838526353293996E-2</v>
      </c>
      <c r="AQ217" s="202">
        <v>0.19600000000000001</v>
      </c>
      <c r="AR217" s="94">
        <v>4.5356178491489499E-2</v>
      </c>
      <c r="AS217" s="202">
        <v>0.28599999999999998</v>
      </c>
      <c r="AT217" s="94">
        <v>5.1395253748219329E-2</v>
      </c>
    </row>
    <row r="218" spans="1:46">
      <c r="A218" s="49" t="s">
        <v>440</v>
      </c>
      <c r="B218" s="199">
        <v>104</v>
      </c>
      <c r="C218" s="203">
        <v>0.17</v>
      </c>
      <c r="D218" s="97">
        <v>7.4291040272954023E-2</v>
      </c>
      <c r="E218" s="203">
        <v>0.16500000000000001</v>
      </c>
      <c r="F218" s="97">
        <v>7.3518458051272065E-2</v>
      </c>
      <c r="G218" s="203">
        <v>0.64900000000000002</v>
      </c>
      <c r="H218" s="97">
        <v>9.2177980915320326E-2</v>
      </c>
      <c r="I218" s="203">
        <v>1.6E-2</v>
      </c>
      <c r="J218" s="97">
        <v>3.4840885665059128E-2</v>
      </c>
      <c r="K218" s="199">
        <v>106</v>
      </c>
      <c r="L218" s="203">
        <v>0.20203369467896157</v>
      </c>
      <c r="M218" s="97">
        <v>7.8057250078128138E-2</v>
      </c>
      <c r="N218" s="203">
        <v>0.46675744502524374</v>
      </c>
      <c r="O218" s="97">
        <v>9.5150376645727924E-2</v>
      </c>
      <c r="P218" s="203">
        <v>0.2857723736709239</v>
      </c>
      <c r="Q218" s="97">
        <v>8.6840197199721969E-2</v>
      </c>
      <c r="R218" s="203">
        <v>4.5436486624869481E-2</v>
      </c>
      <c r="S218" s="97">
        <v>4.5974805444584772E-2</v>
      </c>
      <c r="T218" s="199">
        <v>106</v>
      </c>
      <c r="U218" s="203">
        <v>0.54087452976562145</v>
      </c>
      <c r="V218" s="97">
        <v>9.5049952612860492E-2</v>
      </c>
      <c r="W218" s="203">
        <v>0.31409548943959775</v>
      </c>
      <c r="X218" s="97">
        <v>8.9016301490283278E-2</v>
      </c>
      <c r="Y218" s="203">
        <v>3.7144731995789847E-2</v>
      </c>
      <c r="Z218" s="97">
        <v>4.3090788781647293E-2</v>
      </c>
      <c r="AA218" s="203">
        <v>0.10788524879898979</v>
      </c>
      <c r="AB218" s="97">
        <v>6.2442648113435355E-2</v>
      </c>
      <c r="AC218" s="199">
        <v>105</v>
      </c>
      <c r="AD218" s="203">
        <v>0.34399999999999997</v>
      </c>
      <c r="AE218" s="97">
        <v>9.1354206391247916E-2</v>
      </c>
      <c r="AF218" s="203">
        <v>0.441</v>
      </c>
      <c r="AG218" s="97">
        <v>9.5161822276562266E-2</v>
      </c>
      <c r="AH218" s="203">
        <v>0.11499999999999999</v>
      </c>
      <c r="AI218" s="97">
        <v>6.4239884794121821E-2</v>
      </c>
      <c r="AJ218" s="203">
        <v>0.10100000000000001</v>
      </c>
      <c r="AK218" s="97">
        <v>6.1261683548362582E-2</v>
      </c>
      <c r="AL218" s="199">
        <v>106</v>
      </c>
      <c r="AM218" s="203">
        <v>0.14599999999999999</v>
      </c>
      <c r="AN218" s="97">
        <v>6.9709053488352032E-2</v>
      </c>
      <c r="AO218" s="203">
        <v>0.38400000000000001</v>
      </c>
      <c r="AP218" s="97">
        <v>9.2932981741774431E-2</v>
      </c>
      <c r="AQ218" s="203">
        <v>0.247</v>
      </c>
      <c r="AR218" s="97">
        <v>8.3243686083253624E-2</v>
      </c>
      <c r="AS218" s="203">
        <v>0.224</v>
      </c>
      <c r="AT218" s="97">
        <v>8.073826267237777E-2</v>
      </c>
    </row>
    <row r="219" spans="1:46">
      <c r="A219" s="45" t="s">
        <v>441</v>
      </c>
      <c r="B219" s="196">
        <v>95</v>
      </c>
      <c r="C219" s="202">
        <v>5.2999999999999999E-2</v>
      </c>
      <c r="D219" s="94">
        <v>5.1644079648138268E-2</v>
      </c>
      <c r="E219" s="202">
        <v>7.1999999999999995E-2</v>
      </c>
      <c r="F219" s="94">
        <v>5.7320541938558019E-2</v>
      </c>
      <c r="G219" s="202">
        <v>0.875</v>
      </c>
      <c r="H219" s="94">
        <v>6.9778601666957693E-2</v>
      </c>
      <c r="I219" s="202">
        <v>0</v>
      </c>
      <c r="J219" s="94">
        <v>2.8279912978147775E-2</v>
      </c>
      <c r="K219" s="196">
        <v>95</v>
      </c>
      <c r="L219" s="202">
        <v>0.19817424697482314</v>
      </c>
      <c r="M219" s="94">
        <v>8.192482764505192E-2</v>
      </c>
      <c r="N219" s="202">
        <v>0.45938595835303986</v>
      </c>
      <c r="O219" s="94">
        <v>0.10019800594679916</v>
      </c>
      <c r="P219" s="202">
        <v>0.26458516868280768</v>
      </c>
      <c r="Q219" s="94">
        <v>8.9661040702203876E-2</v>
      </c>
      <c r="R219" s="202">
        <v>7.7854625989328463E-2</v>
      </c>
      <c r="S219" s="94">
        <v>5.8913703681699334E-2</v>
      </c>
      <c r="T219" s="196">
        <v>96</v>
      </c>
      <c r="U219" s="202">
        <v>0.3416397286638132</v>
      </c>
      <c r="V219" s="94">
        <v>9.5265552587382327E-2</v>
      </c>
      <c r="W219" s="202">
        <v>0.42481394319897059</v>
      </c>
      <c r="X219" s="94">
        <v>9.8952563909112681E-2</v>
      </c>
      <c r="Y219" s="202">
        <v>7.4032327407359835E-2</v>
      </c>
      <c r="Z219" s="94">
        <v>5.7542019784007643E-2</v>
      </c>
      <c r="AA219" s="202">
        <v>0.15951400072985539</v>
      </c>
      <c r="AB219" s="94">
        <v>7.5672518766540825E-2</v>
      </c>
      <c r="AC219" s="196">
        <v>96</v>
      </c>
      <c r="AD219" s="202">
        <v>0.29499999999999998</v>
      </c>
      <c r="AE219" s="94">
        <v>9.1928180662950137E-2</v>
      </c>
      <c r="AF219" s="202">
        <v>0.50800000000000001</v>
      </c>
      <c r="AG219" s="94">
        <v>9.9988202824133218E-2</v>
      </c>
      <c r="AH219" s="202">
        <v>2.7000000000000003E-2</v>
      </c>
      <c r="AI219" s="94">
        <v>4.1862323681324719E-2</v>
      </c>
      <c r="AJ219" s="202">
        <v>0.16900000000000001</v>
      </c>
      <c r="AK219" s="94">
        <v>7.7208440574849074E-2</v>
      </c>
      <c r="AL219" s="196">
        <v>96</v>
      </c>
      <c r="AM219" s="202">
        <v>0.13900000000000001</v>
      </c>
      <c r="AN219" s="94">
        <v>7.2082221497398374E-2</v>
      </c>
      <c r="AO219" s="202">
        <v>0.35099999999999998</v>
      </c>
      <c r="AP219" s="94">
        <v>9.5820573657226668E-2</v>
      </c>
      <c r="AQ219" s="202">
        <v>0.109</v>
      </c>
      <c r="AR219" s="94">
        <v>6.6062052768590229E-2</v>
      </c>
      <c r="AS219" s="202">
        <v>0.40100000000000002</v>
      </c>
      <c r="AT219" s="94">
        <v>9.8176860491665754E-2</v>
      </c>
    </row>
    <row r="220" spans="1:46">
      <c r="A220" s="49" t="s">
        <v>442</v>
      </c>
      <c r="B220" s="199">
        <v>81</v>
      </c>
      <c r="C220" s="203">
        <v>6.7000000000000004E-2</v>
      </c>
      <c r="D220" s="97">
        <v>6.1258112730729439E-2</v>
      </c>
      <c r="E220" s="203">
        <v>0.17899999999999999</v>
      </c>
      <c r="F220" s="97">
        <v>8.5798337784235401E-2</v>
      </c>
      <c r="G220" s="203">
        <v>0.754</v>
      </c>
      <c r="H220" s="97">
        <v>9.490880361195754E-2</v>
      </c>
      <c r="I220" s="203">
        <v>0</v>
      </c>
      <c r="J220" s="97">
        <v>3.2881805121991139E-2</v>
      </c>
      <c r="K220" s="199">
        <v>81</v>
      </c>
      <c r="L220" s="203">
        <v>0.16587861398602829</v>
      </c>
      <c r="M220" s="97">
        <v>8.3630193424958296E-2</v>
      </c>
      <c r="N220" s="203">
        <v>0.39056274553941517</v>
      </c>
      <c r="O220" s="97">
        <v>0.10607969615497191</v>
      </c>
      <c r="P220" s="203">
        <v>0.37268970103045496</v>
      </c>
      <c r="Q220" s="97">
        <v>0.10522393943319432</v>
      </c>
      <c r="R220" s="203">
        <v>7.0868939444100887E-2</v>
      </c>
      <c r="S220" s="97">
        <v>6.2410711744275302E-2</v>
      </c>
      <c r="T220" s="199">
        <v>81</v>
      </c>
      <c r="U220" s="203">
        <v>0.27832320392012605</v>
      </c>
      <c r="V220" s="97">
        <v>9.8309373002780961E-2</v>
      </c>
      <c r="W220" s="203">
        <v>0.2907855872194639</v>
      </c>
      <c r="X220" s="97">
        <v>9.946965021382273E-2</v>
      </c>
      <c r="Y220" s="203">
        <v>0.25122506421055657</v>
      </c>
      <c r="Z220" s="97">
        <v>9.5498400424716925E-2</v>
      </c>
      <c r="AA220" s="203">
        <v>0.17966614464985292</v>
      </c>
      <c r="AB220" s="97">
        <v>8.5904665888313692E-2</v>
      </c>
      <c r="AC220" s="199">
        <v>81</v>
      </c>
      <c r="AD220" s="203">
        <v>0.224</v>
      </c>
      <c r="AE220" s="97">
        <v>9.2246424863303297E-2</v>
      </c>
      <c r="AF220" s="203">
        <v>0.30599999999999999</v>
      </c>
      <c r="AG220" s="97">
        <v>0.10077881794376677</v>
      </c>
      <c r="AH220" s="203">
        <v>0.29200000000000004</v>
      </c>
      <c r="AI220" s="97">
        <v>9.9578428170003105E-2</v>
      </c>
      <c r="AJ220" s="203">
        <v>0.17799999999999999</v>
      </c>
      <c r="AK220" s="97">
        <v>8.5638057095676387E-2</v>
      </c>
      <c r="AL220" s="199">
        <v>81</v>
      </c>
      <c r="AM220" s="203">
        <v>0.193</v>
      </c>
      <c r="AN220" s="97">
        <v>8.7960626648650966E-2</v>
      </c>
      <c r="AO220" s="203">
        <v>0.26600000000000001</v>
      </c>
      <c r="AP220" s="97">
        <v>9.7081226614421784E-2</v>
      </c>
      <c r="AQ220" s="203">
        <v>0.26700000000000002</v>
      </c>
      <c r="AR220" s="97">
        <v>9.7183956111402764E-2</v>
      </c>
      <c r="AS220" s="203">
        <v>0.27400000000000002</v>
      </c>
      <c r="AT220" s="97">
        <v>9.7887821380384224E-2</v>
      </c>
    </row>
    <row r="221" spans="1:46">
      <c r="A221" s="45" t="s">
        <v>446</v>
      </c>
      <c r="B221" s="196">
        <v>116</v>
      </c>
      <c r="C221" s="202">
        <v>0.16500000000000001</v>
      </c>
      <c r="D221" s="94">
        <v>6.9553809438501688E-2</v>
      </c>
      <c r="E221" s="202">
        <v>0.16500000000000001</v>
      </c>
      <c r="F221" s="94">
        <v>6.9553809438501688E-2</v>
      </c>
      <c r="G221" s="202">
        <v>0.67</v>
      </c>
      <c r="H221" s="94">
        <v>8.621572856417703E-2</v>
      </c>
      <c r="I221" s="202">
        <v>0</v>
      </c>
      <c r="J221" s="94">
        <v>2.3372982186625143E-2</v>
      </c>
      <c r="K221" s="196">
        <v>116</v>
      </c>
      <c r="L221" s="202">
        <v>0.28218904315572801</v>
      </c>
      <c r="M221" s="94">
        <v>8.2798640965114439E-2</v>
      </c>
      <c r="N221" s="202">
        <v>0.49023616212924104</v>
      </c>
      <c r="O221" s="94">
        <v>9.1270827220786152E-2</v>
      </c>
      <c r="P221" s="202">
        <v>0.18930257941064196</v>
      </c>
      <c r="Q221" s="94">
        <v>7.2982961455929973E-2</v>
      </c>
      <c r="R221" s="202">
        <v>3.8272215304387555E-2</v>
      </c>
      <c r="S221" s="94">
        <v>4.114341126249927E-2</v>
      </c>
      <c r="T221" s="196">
        <v>116</v>
      </c>
      <c r="U221" s="202">
        <v>0.56184924937081415</v>
      </c>
      <c r="V221" s="94">
        <v>9.0632121230556209E-2</v>
      </c>
      <c r="W221" s="202">
        <v>0.29739674192255983</v>
      </c>
      <c r="X221" s="94">
        <v>8.3992628549044032E-2</v>
      </c>
      <c r="Y221" s="202">
        <v>5.6256999898966945E-2</v>
      </c>
      <c r="Z221" s="94">
        <v>4.6904354229440455E-2</v>
      </c>
      <c r="AA221" s="202">
        <v>8.4497008807657814E-2</v>
      </c>
      <c r="AB221" s="94">
        <v>5.4367562253299258E-2</v>
      </c>
      <c r="AC221" s="196">
        <v>116</v>
      </c>
      <c r="AD221" s="202">
        <v>0.59499999999999997</v>
      </c>
      <c r="AE221" s="94">
        <v>8.9734170171102023E-2</v>
      </c>
      <c r="AF221" s="202">
        <v>0.26900000000000002</v>
      </c>
      <c r="AG221" s="94">
        <v>8.1677640759267769E-2</v>
      </c>
      <c r="AH221" s="202">
        <v>6.5000000000000002E-2</v>
      </c>
      <c r="AI221" s="94">
        <v>4.9389523180528881E-2</v>
      </c>
      <c r="AJ221" s="202">
        <v>7.0999999999999994E-2</v>
      </c>
      <c r="AK221" s="94">
        <v>5.0998009765087893E-2</v>
      </c>
      <c r="AL221" s="196">
        <v>116</v>
      </c>
      <c r="AM221" s="202">
        <v>0.34599999999999997</v>
      </c>
      <c r="AN221" s="94">
        <v>8.7147139091606735E-2</v>
      </c>
      <c r="AO221" s="202">
        <v>0.40500000000000003</v>
      </c>
      <c r="AP221" s="94">
        <v>8.9734170171102023E-2</v>
      </c>
      <c r="AQ221" s="202">
        <v>0.13900000000000001</v>
      </c>
      <c r="AR221" s="94">
        <v>6.5376414084274456E-2</v>
      </c>
      <c r="AS221" s="202">
        <v>0.109</v>
      </c>
      <c r="AT221" s="94">
        <v>5.9760967999993912E-2</v>
      </c>
    </row>
    <row r="222" spans="1:46">
      <c r="A222" s="49" t="s">
        <v>447</v>
      </c>
      <c r="B222" s="199">
        <v>107</v>
      </c>
      <c r="C222" s="203">
        <v>0.11799999999999999</v>
      </c>
      <c r="D222" s="97">
        <v>6.4207868715371222E-2</v>
      </c>
      <c r="E222" s="203">
        <v>0.19700000000000001</v>
      </c>
      <c r="F222" s="97">
        <v>7.703717181025517E-2</v>
      </c>
      <c r="G222" s="203">
        <v>0.68400000000000005</v>
      </c>
      <c r="H222" s="97">
        <v>8.8742995015419365E-2</v>
      </c>
      <c r="I222" s="203">
        <v>0</v>
      </c>
      <c r="J222" s="97">
        <v>2.5250720474759302E-2</v>
      </c>
      <c r="K222" s="199">
        <v>108</v>
      </c>
      <c r="L222" s="203">
        <v>0.16990294402652847</v>
      </c>
      <c r="M222" s="97">
        <v>7.2869770446136684E-2</v>
      </c>
      <c r="N222" s="203">
        <v>0.50656854003261231</v>
      </c>
      <c r="O222" s="97">
        <v>9.448353618602548E-2</v>
      </c>
      <c r="P222" s="203">
        <v>0.2710004626542068</v>
      </c>
      <c r="Q222" s="97">
        <v>8.477661691468398E-2</v>
      </c>
      <c r="R222" s="203">
        <v>5.2528053286650882E-2</v>
      </c>
      <c r="S222" s="97">
        <v>4.7740251265568509E-2</v>
      </c>
      <c r="T222" s="199">
        <v>108</v>
      </c>
      <c r="U222" s="203">
        <v>0.53159098682568351</v>
      </c>
      <c r="V222" s="97">
        <v>9.4315583782098103E-2</v>
      </c>
      <c r="W222" s="203">
        <v>0.25520156816634348</v>
      </c>
      <c r="X222" s="97">
        <v>8.3297603124572087E-2</v>
      </c>
      <c r="Y222" s="203">
        <v>0.16145041325707743</v>
      </c>
      <c r="Z222" s="97">
        <v>7.1570352037655063E-2</v>
      </c>
      <c r="AA222" s="203">
        <v>5.1757031750894002E-2</v>
      </c>
      <c r="AB222" s="97">
        <v>4.749944279619063E-2</v>
      </c>
      <c r="AC222" s="199">
        <v>108</v>
      </c>
      <c r="AD222" s="203">
        <v>0.45100000000000001</v>
      </c>
      <c r="AE222" s="97">
        <v>9.406825741753394E-2</v>
      </c>
      <c r="AF222" s="203">
        <v>0.313</v>
      </c>
      <c r="AG222" s="97">
        <v>8.8132242842778832E-2</v>
      </c>
      <c r="AH222" s="203">
        <v>0.17099999999999999</v>
      </c>
      <c r="AI222" s="97">
        <v>7.3034345516339097E-2</v>
      </c>
      <c r="AJ222" s="203">
        <v>6.5000000000000002E-2</v>
      </c>
      <c r="AK222" s="97">
        <v>5.1425991555897964E-2</v>
      </c>
      <c r="AL222" s="199">
        <v>107</v>
      </c>
      <c r="AM222" s="203">
        <v>0.16200000000000001</v>
      </c>
      <c r="AN222" s="97">
        <v>7.1996357518619186E-2</v>
      </c>
      <c r="AO222" s="203">
        <v>0.39600000000000002</v>
      </c>
      <c r="AP222" s="97">
        <v>9.2988323575500645E-2</v>
      </c>
      <c r="AQ222" s="203">
        <v>0.22500000000000001</v>
      </c>
      <c r="AR222" s="97">
        <v>8.0477682908638395E-2</v>
      </c>
      <c r="AS222" s="203">
        <v>0.216</v>
      </c>
      <c r="AT222" s="97">
        <v>7.942412221106139E-2</v>
      </c>
    </row>
    <row r="223" spans="1:46" ht="25.5">
      <c r="A223" s="45" t="s">
        <v>448</v>
      </c>
      <c r="B223" s="196">
        <v>148</v>
      </c>
      <c r="C223" s="202">
        <v>0.28799999999999998</v>
      </c>
      <c r="D223" s="94">
        <v>7.3875846959339561E-2</v>
      </c>
      <c r="E223" s="202">
        <v>0.224</v>
      </c>
      <c r="F223" s="94">
        <v>6.8399082345200715E-2</v>
      </c>
      <c r="G223" s="202">
        <v>0.48699999999999999</v>
      </c>
      <c r="H223" s="94">
        <v>8.10847149105621E-2</v>
      </c>
      <c r="I223" s="202">
        <v>0</v>
      </c>
      <c r="J223" s="94">
        <v>1.8485246281217643E-2</v>
      </c>
      <c r="K223" s="196">
        <v>148</v>
      </c>
      <c r="L223" s="202">
        <v>0.4295332836650177</v>
      </c>
      <c r="M223" s="94">
        <v>8.0343399214763606E-2</v>
      </c>
      <c r="N223" s="202">
        <v>0.35283405787073041</v>
      </c>
      <c r="O223" s="94">
        <v>7.7708475451451653E-2</v>
      </c>
      <c r="P223" s="202">
        <v>0.18583313513620037</v>
      </c>
      <c r="Q223" s="94">
        <v>6.4159671010806357E-2</v>
      </c>
      <c r="R223" s="202">
        <v>3.1799523328051013E-2</v>
      </c>
      <c r="S223" s="94">
        <v>3.3314277867526887E-2</v>
      </c>
      <c r="T223" s="196">
        <v>148</v>
      </c>
      <c r="U223" s="202">
        <v>0.53990822427599017</v>
      </c>
      <c r="V223" s="94">
        <v>8.0865394203172444E-2</v>
      </c>
      <c r="W223" s="202">
        <v>0.27709549171957465</v>
      </c>
      <c r="X223" s="94">
        <v>7.3070666235754894E-2</v>
      </c>
      <c r="Y223" s="202">
        <v>6.9443429890594766E-2</v>
      </c>
      <c r="Z223" s="94">
        <v>4.420331272600863E-2</v>
      </c>
      <c r="AA223" s="202">
        <v>0.11355285411384029</v>
      </c>
      <c r="AB223" s="94">
        <v>5.3413790580810423E-2</v>
      </c>
      <c r="AC223" s="196">
        <v>147</v>
      </c>
      <c r="AD223" s="202">
        <v>0.50900000000000001</v>
      </c>
      <c r="AE223" s="94">
        <v>8.136635075058149E-2</v>
      </c>
      <c r="AF223" s="202">
        <v>0.30199999999999999</v>
      </c>
      <c r="AG223" s="94">
        <v>7.5088561000452622E-2</v>
      </c>
      <c r="AH223" s="202">
        <v>9.7000000000000003E-2</v>
      </c>
      <c r="AI223" s="94">
        <v>5.0450023556613932E-2</v>
      </c>
      <c r="AJ223" s="202">
        <v>9.1999999999999998E-2</v>
      </c>
      <c r="AK223" s="94">
        <v>4.9430792625523287E-2</v>
      </c>
      <c r="AL223" s="196">
        <v>147</v>
      </c>
      <c r="AM223" s="202">
        <v>0.42199999999999999</v>
      </c>
      <c r="AN223" s="94">
        <v>8.0434920728292517E-2</v>
      </c>
      <c r="AO223" s="202">
        <v>0.32500000000000001</v>
      </c>
      <c r="AP223" s="94">
        <v>7.6509277673278447E-2</v>
      </c>
      <c r="AQ223" s="202">
        <v>9.1999999999999998E-2</v>
      </c>
      <c r="AR223" s="94">
        <v>4.9430792625523287E-2</v>
      </c>
      <c r="AS223" s="202">
        <v>0.161</v>
      </c>
      <c r="AT223" s="94">
        <v>6.1134286457997129E-2</v>
      </c>
    </row>
    <row r="224" spans="1:46">
      <c r="A224" s="49" t="s">
        <v>449</v>
      </c>
      <c r="B224" s="199">
        <v>195</v>
      </c>
      <c r="C224" s="203">
        <v>0.16300000000000001</v>
      </c>
      <c r="D224" s="97">
        <v>5.3227623960098253E-2</v>
      </c>
      <c r="E224" s="203">
        <v>0.24</v>
      </c>
      <c r="F224" s="97">
        <v>6.0995143640296241E-2</v>
      </c>
      <c r="G224" s="203">
        <v>0.59299999999999997</v>
      </c>
      <c r="H224" s="97">
        <v>6.9700753625660014E-2</v>
      </c>
      <c r="I224" s="203">
        <v>4.0000000000000001E-3</v>
      </c>
      <c r="J224" s="97">
        <v>1.6639658721778548E-2</v>
      </c>
      <c r="K224" s="199">
        <v>195</v>
      </c>
      <c r="L224" s="203">
        <v>0.31705210763296071</v>
      </c>
      <c r="M224" s="97">
        <v>6.6175048918373378E-2</v>
      </c>
      <c r="N224" s="203">
        <v>0.4314044372967194</v>
      </c>
      <c r="O224" s="97">
        <v>7.0244641780892333E-2</v>
      </c>
      <c r="P224" s="203">
        <v>0.18984951130311661</v>
      </c>
      <c r="Q224" s="97">
        <v>5.6289788200645924E-2</v>
      </c>
      <c r="R224" s="203">
        <v>6.1693943767203357E-2</v>
      </c>
      <c r="S224" s="97">
        <v>3.6293966001491443E-2</v>
      </c>
      <c r="T224" s="199">
        <v>195</v>
      </c>
      <c r="U224" s="203">
        <v>0.30915902631786718</v>
      </c>
      <c r="V224" s="97">
        <v>6.5743393289454666E-2</v>
      </c>
      <c r="W224" s="203">
        <v>0.39880731761211197</v>
      </c>
      <c r="X224" s="97">
        <v>6.9480131344628562E-2</v>
      </c>
      <c r="Y224" s="203">
        <v>0.12301845575372164</v>
      </c>
      <c r="Z224" s="97">
        <v>4.7772632721037198E-2</v>
      </c>
      <c r="AA224" s="203">
        <v>0.16901520031629932</v>
      </c>
      <c r="AB224" s="97">
        <v>5.395118923429762E-2</v>
      </c>
      <c r="AC224" s="199">
        <v>195</v>
      </c>
      <c r="AD224" s="203">
        <v>0.30299999999999999</v>
      </c>
      <c r="AE224" s="97">
        <v>6.5391819566747347E-2</v>
      </c>
      <c r="AF224" s="203">
        <v>0.35599999999999998</v>
      </c>
      <c r="AG224" s="97">
        <v>6.8006684576846027E-2</v>
      </c>
      <c r="AH224" s="203">
        <v>0.153</v>
      </c>
      <c r="AI224" s="97">
        <v>5.1972724570951472E-2</v>
      </c>
      <c r="AJ224" s="203">
        <v>0.188</v>
      </c>
      <c r="AK224" s="97">
        <v>5.6092170508072026E-2</v>
      </c>
      <c r="AL224" s="199">
        <v>195</v>
      </c>
      <c r="AM224" s="203">
        <v>0.215</v>
      </c>
      <c r="AN224" s="97">
        <v>5.8799977656999937E-2</v>
      </c>
      <c r="AO224" s="203">
        <v>0.38200000000000001</v>
      </c>
      <c r="AP224" s="97">
        <v>6.8966546850420946E-2</v>
      </c>
      <c r="AQ224" s="203">
        <v>0.20500000000000002</v>
      </c>
      <c r="AR224" s="97">
        <v>5.7840246413781618E-2</v>
      </c>
      <c r="AS224" s="203">
        <v>0.19800000000000001</v>
      </c>
      <c r="AT224" s="97">
        <v>5.7138752621073048E-2</v>
      </c>
    </row>
    <row r="225" spans="1:46">
      <c r="A225" s="57" t="s">
        <v>450</v>
      </c>
      <c r="B225" s="196">
        <v>134</v>
      </c>
      <c r="C225" s="202">
        <v>2.8000000000000001E-2</v>
      </c>
      <c r="D225" s="94">
        <v>3.4026349708471453E-2</v>
      </c>
      <c r="E225" s="202">
        <v>0.107</v>
      </c>
      <c r="F225" s="94">
        <v>5.5003241907787263E-2</v>
      </c>
      <c r="G225" s="202">
        <v>0.85699999999999998</v>
      </c>
      <c r="H225" s="94">
        <v>6.1345368302858562E-2</v>
      </c>
      <c r="I225" s="202">
        <v>8.0000000000000002E-3</v>
      </c>
      <c r="J225" s="94">
        <v>2.5117303494278671E-2</v>
      </c>
      <c r="K225" s="196">
        <v>133</v>
      </c>
      <c r="L225" s="202">
        <v>6.6664156064836277E-2</v>
      </c>
      <c r="M225" s="94">
        <v>4.6174920498908208E-2</v>
      </c>
      <c r="N225" s="202">
        <v>0.42204078349292562</v>
      </c>
      <c r="O225" s="94">
        <v>8.4451355706482434E-2</v>
      </c>
      <c r="P225" s="202">
        <v>0.41803219183504925</v>
      </c>
      <c r="Q225" s="94">
        <v>8.4346848214259806E-2</v>
      </c>
      <c r="R225" s="202">
        <v>9.3262868607188201E-2</v>
      </c>
      <c r="S225" s="94">
        <v>5.2411711240243616E-2</v>
      </c>
      <c r="T225" s="196">
        <v>134</v>
      </c>
      <c r="U225" s="202">
        <v>0.19545405951583036</v>
      </c>
      <c r="V225" s="94">
        <v>6.86411706839542E-2</v>
      </c>
      <c r="W225" s="202">
        <v>0.30246533890708949</v>
      </c>
      <c r="X225" s="94">
        <v>7.8612847039676068E-2</v>
      </c>
      <c r="Y225" s="202">
        <v>0.20809308684396161</v>
      </c>
      <c r="Z225" s="94">
        <v>7.0125860756764996E-2</v>
      </c>
      <c r="AA225" s="202">
        <v>0.29398751473311807</v>
      </c>
      <c r="AB225" s="94">
        <v>7.8015894842221961E-2</v>
      </c>
      <c r="AC225" s="196">
        <v>133</v>
      </c>
      <c r="AD225" s="202">
        <v>0.152</v>
      </c>
      <c r="AE225" s="94">
        <v>6.2982914832498502E-2</v>
      </c>
      <c r="AF225" s="202">
        <v>0.35499999999999998</v>
      </c>
      <c r="AG225" s="94">
        <v>8.1980024993646206E-2</v>
      </c>
      <c r="AH225" s="202">
        <v>0.26100000000000001</v>
      </c>
      <c r="AI225" s="94">
        <v>7.5680048559525231E-2</v>
      </c>
      <c r="AJ225" s="202">
        <v>0.23300000000000001</v>
      </c>
      <c r="AK225" s="94">
        <v>7.3058938234396756E-2</v>
      </c>
      <c r="AL225" s="196">
        <v>135</v>
      </c>
      <c r="AM225" s="202">
        <v>0.105</v>
      </c>
      <c r="AN225" s="94">
        <v>5.4396796761463174E-2</v>
      </c>
      <c r="AO225" s="202">
        <v>0.29699999999999999</v>
      </c>
      <c r="AP225" s="94">
        <v>7.7946414952525356E-2</v>
      </c>
      <c r="AQ225" s="202">
        <v>0.20400000000000001</v>
      </c>
      <c r="AR225" s="94">
        <v>6.939701057213668E-2</v>
      </c>
      <c r="AS225" s="202">
        <v>0.39300000000000002</v>
      </c>
      <c r="AT225" s="94">
        <v>8.2966657803136196E-2</v>
      </c>
    </row>
    <row r="226" spans="1:46">
      <c r="A226" s="49" t="s">
        <v>443</v>
      </c>
      <c r="B226" s="199">
        <v>75</v>
      </c>
      <c r="C226" s="203">
        <v>0</v>
      </c>
      <c r="D226" s="97">
        <v>3.5346768793784435E-2</v>
      </c>
      <c r="E226" s="203">
        <v>5.2999999999999999E-2</v>
      </c>
      <c r="F226" s="97">
        <v>5.9496866891964872E-2</v>
      </c>
      <c r="G226" s="203">
        <v>0.93200000000000005</v>
      </c>
      <c r="H226" s="97">
        <v>6.4355101303044962E-2</v>
      </c>
      <c r="I226" s="203">
        <v>1.4999999999999999E-2</v>
      </c>
      <c r="J226" s="97">
        <v>4.385950456619532E-2</v>
      </c>
      <c r="K226" s="199">
        <v>74</v>
      </c>
      <c r="L226" s="203">
        <v>2.7505545964554394E-2</v>
      </c>
      <c r="M226" s="97">
        <v>5.0158422819693502E-2</v>
      </c>
      <c r="N226" s="203">
        <v>0.32483995077664796</v>
      </c>
      <c r="O226" s="97">
        <v>0.10679120396839697</v>
      </c>
      <c r="P226" s="203">
        <v>0.55426496420332894</v>
      </c>
      <c r="Q226" s="97">
        <v>0.11262590417793872</v>
      </c>
      <c r="R226" s="203">
        <v>9.3389539055468554E-2</v>
      </c>
      <c r="S226" s="97">
        <v>7.2036411657328131E-2</v>
      </c>
      <c r="T226" s="199">
        <v>75</v>
      </c>
      <c r="U226" s="203">
        <v>0.11459795344988315</v>
      </c>
      <c r="V226" s="97">
        <v>7.6679823445742951E-2</v>
      </c>
      <c r="W226" s="203">
        <v>0.29412662885102203</v>
      </c>
      <c r="X226" s="97">
        <v>0.1035568775096373</v>
      </c>
      <c r="Y226" s="203">
        <v>0.22122709915204905</v>
      </c>
      <c r="Z226" s="97">
        <v>9.5455268803874851E-2</v>
      </c>
      <c r="AA226" s="203">
        <v>0.37004831854704556</v>
      </c>
      <c r="AB226" s="97">
        <v>0.1090301054129809</v>
      </c>
      <c r="AC226" s="199">
        <v>75</v>
      </c>
      <c r="AD226" s="203">
        <v>0.13100000000000001</v>
      </c>
      <c r="AE226" s="97">
        <v>8.0277487383954918E-2</v>
      </c>
      <c r="AF226" s="203">
        <v>0.312</v>
      </c>
      <c r="AG226" s="97">
        <v>0.10509658682879747</v>
      </c>
      <c r="AH226" s="203">
        <v>0.32400000000000001</v>
      </c>
      <c r="AI226" s="97">
        <v>0.10604068892145109</v>
      </c>
      <c r="AJ226" s="203">
        <v>0.23300000000000001</v>
      </c>
      <c r="AK226" s="97">
        <v>9.6979020626154336E-2</v>
      </c>
      <c r="AL226" s="199">
        <v>76</v>
      </c>
      <c r="AM226" s="203">
        <v>7.4999999999999997E-2</v>
      </c>
      <c r="AN226" s="97">
        <v>6.5949199199080502E-2</v>
      </c>
      <c r="AO226" s="203">
        <v>0.25900000000000001</v>
      </c>
      <c r="AP226" s="97">
        <v>9.9393635988427348E-2</v>
      </c>
      <c r="AQ226" s="203">
        <v>0.19400000000000001</v>
      </c>
      <c r="AR226" s="97">
        <v>9.0965243362506304E-2</v>
      </c>
      <c r="AS226" s="203">
        <v>0.47099999999999997</v>
      </c>
      <c r="AT226" s="97">
        <v>0.11163355174408812</v>
      </c>
    </row>
    <row r="227" spans="1:46">
      <c r="A227" s="57" t="s">
        <v>451</v>
      </c>
      <c r="B227" s="196">
        <v>152</v>
      </c>
      <c r="C227" s="202">
        <v>0.155</v>
      </c>
      <c r="D227" s="94">
        <v>5.9269179891618486E-2</v>
      </c>
      <c r="E227" s="202">
        <v>0.17199999999999999</v>
      </c>
      <c r="F227" s="94">
        <v>6.1573886363070811E-2</v>
      </c>
      <c r="G227" s="202">
        <v>0.67300000000000004</v>
      </c>
      <c r="H227" s="94">
        <v>7.5377025563081235E-2</v>
      </c>
      <c r="I227" s="202">
        <v>0</v>
      </c>
      <c r="J227" s="94">
        <v>1.8014344193057537E-2</v>
      </c>
      <c r="K227" s="196">
        <v>151</v>
      </c>
      <c r="L227" s="202">
        <v>0.32127844600561473</v>
      </c>
      <c r="M227" s="94">
        <v>7.529484789023097E-2</v>
      </c>
      <c r="N227" s="202">
        <v>0.51422813050053051</v>
      </c>
      <c r="O227" s="94">
        <v>8.0291063092229803E-2</v>
      </c>
      <c r="P227" s="202">
        <v>0.11925238940485711</v>
      </c>
      <c r="Q227" s="94">
        <v>5.386170330603255E-2</v>
      </c>
      <c r="R227" s="202">
        <v>4.5241034088996865E-2</v>
      </c>
      <c r="S227" s="94">
        <v>3.7236956797853604E-2</v>
      </c>
      <c r="T227" s="196">
        <v>152</v>
      </c>
      <c r="U227" s="202">
        <v>0.57116893386055412</v>
      </c>
      <c r="V227" s="94">
        <v>7.929034559282018E-2</v>
      </c>
      <c r="W227" s="202">
        <v>0.3029163923252276</v>
      </c>
      <c r="X227" s="94">
        <v>7.3923801597713279E-2</v>
      </c>
      <c r="Y227" s="202">
        <v>4.3941483966318334E-2</v>
      </c>
      <c r="Z227" s="94">
        <v>3.6703945971774989E-2</v>
      </c>
      <c r="AA227" s="202">
        <v>8.1973189847899516E-2</v>
      </c>
      <c r="AB227" s="94">
        <v>4.6437178793418507E-2</v>
      </c>
      <c r="AC227" s="196">
        <v>152</v>
      </c>
      <c r="AD227" s="202">
        <v>0.504</v>
      </c>
      <c r="AE227" s="94">
        <v>8.0061644517885985E-2</v>
      </c>
      <c r="AF227" s="202">
        <v>0.34899999999999998</v>
      </c>
      <c r="AG227" s="94">
        <v>7.6519360924548724E-2</v>
      </c>
      <c r="AH227" s="202">
        <v>5.7000000000000002E-2</v>
      </c>
      <c r="AI227" s="94">
        <v>4.0410085369602347E-2</v>
      </c>
      <c r="AJ227" s="202">
        <v>0.09</v>
      </c>
      <c r="AK227" s="94">
        <v>4.8147740960766558E-2</v>
      </c>
      <c r="AL227" s="196">
        <v>152</v>
      </c>
      <c r="AM227" s="202">
        <v>0.35899999999999999</v>
      </c>
      <c r="AN227" s="94">
        <v>7.6982426808484175E-2</v>
      </c>
      <c r="AO227" s="202">
        <v>0.36299999999999999</v>
      </c>
      <c r="AP227" s="94">
        <v>7.7158041758550969E-2</v>
      </c>
      <c r="AQ227" s="202">
        <v>9.2999999999999999E-2</v>
      </c>
      <c r="AR227" s="94">
        <v>4.876340382661086E-2</v>
      </c>
      <c r="AS227" s="202">
        <v>0.184</v>
      </c>
      <c r="AT227" s="94">
        <v>6.3083007783148945E-2</v>
      </c>
    </row>
    <row r="235" spans="1:46" ht="18.75">
      <c r="A235" s="316" t="s">
        <v>16</v>
      </c>
      <c r="B235" s="316"/>
      <c r="C235" s="316"/>
      <c r="D235" s="316"/>
    </row>
    <row r="236" spans="1:46" ht="87" customHeight="1">
      <c r="A236" s="386" t="s">
        <v>494</v>
      </c>
      <c r="B236" s="386"/>
      <c r="C236" s="386"/>
      <c r="D236" s="386"/>
    </row>
    <row r="237" spans="1:46" ht="38.25" customHeight="1">
      <c r="A237" s="364" t="s">
        <v>168</v>
      </c>
      <c r="B237" s="364"/>
      <c r="C237" s="364"/>
      <c r="D237" s="364"/>
    </row>
    <row r="238" spans="1:46" ht="40.5" customHeight="1">
      <c r="A238" s="37" t="s">
        <v>85</v>
      </c>
      <c r="B238" s="38" t="s">
        <v>86</v>
      </c>
      <c r="C238" s="39" t="s">
        <v>87</v>
      </c>
      <c r="D238" s="40" t="s">
        <v>88</v>
      </c>
    </row>
    <row r="239" spans="1:46" ht="72">
      <c r="A239" s="41"/>
      <c r="B239" s="42" t="s">
        <v>89</v>
      </c>
      <c r="C239" s="126" t="s">
        <v>169</v>
      </c>
      <c r="D239" s="44" t="s">
        <v>91</v>
      </c>
    </row>
    <row r="240" spans="1:46">
      <c r="A240" s="45" t="s">
        <v>435</v>
      </c>
      <c r="B240" s="204">
        <v>11010</v>
      </c>
      <c r="C240" s="84">
        <v>5.5</v>
      </c>
      <c r="D240" s="85">
        <v>1.9599999999999999E-2</v>
      </c>
    </row>
    <row r="241" spans="1:4">
      <c r="A241" s="49" t="s">
        <v>436</v>
      </c>
      <c r="B241" s="49">
        <v>8885</v>
      </c>
      <c r="C241" s="206">
        <v>5.61</v>
      </c>
      <c r="D241" s="207">
        <v>1.9599999999999999E-2</v>
      </c>
    </row>
    <row r="242" spans="1:4">
      <c r="A242" s="45" t="s">
        <v>437</v>
      </c>
      <c r="B242" s="53">
        <v>1962</v>
      </c>
      <c r="C242" s="84">
        <v>5.36</v>
      </c>
      <c r="D242" s="85">
        <v>5.8799999999999998E-2</v>
      </c>
    </row>
    <row r="243" spans="1:4">
      <c r="A243" s="49" t="s">
        <v>438</v>
      </c>
      <c r="B243" s="49">
        <v>1258</v>
      </c>
      <c r="C243" s="206">
        <v>5.58</v>
      </c>
      <c r="D243" s="207">
        <v>5.8799999999999998E-2</v>
      </c>
    </row>
    <row r="244" spans="1:4">
      <c r="A244" s="45" t="s">
        <v>439</v>
      </c>
      <c r="B244" s="53">
        <v>901</v>
      </c>
      <c r="C244" s="84">
        <v>5.6</v>
      </c>
      <c r="D244" s="85">
        <v>7.8399999999999997E-2</v>
      </c>
    </row>
    <row r="245" spans="1:4">
      <c r="A245" s="49" t="s">
        <v>444</v>
      </c>
      <c r="B245" s="49">
        <v>101</v>
      </c>
      <c r="C245" s="206">
        <v>5.3</v>
      </c>
      <c r="D245" s="207">
        <v>0.19600000000000001</v>
      </c>
    </row>
    <row r="246" spans="1:4">
      <c r="A246" s="45" t="s">
        <v>445</v>
      </c>
      <c r="B246" s="53">
        <v>307</v>
      </c>
      <c r="C246" s="84">
        <v>5.49</v>
      </c>
      <c r="D246" s="85">
        <v>0.13720000000000002</v>
      </c>
    </row>
    <row r="247" spans="1:4">
      <c r="A247" s="49" t="s">
        <v>440</v>
      </c>
      <c r="B247" s="49">
        <v>106</v>
      </c>
      <c r="C247" s="206">
        <v>4.99</v>
      </c>
      <c r="D247" s="207">
        <v>0.23519999999999999</v>
      </c>
    </row>
    <row r="248" spans="1:4">
      <c r="A248" s="45" t="s">
        <v>441</v>
      </c>
      <c r="B248" s="53">
        <v>96</v>
      </c>
      <c r="C248" s="84">
        <v>6.19</v>
      </c>
      <c r="D248" s="85">
        <v>0.15679999999999999</v>
      </c>
    </row>
    <row r="249" spans="1:4">
      <c r="A249" s="49" t="s">
        <v>442</v>
      </c>
      <c r="B249" s="49">
        <v>81</v>
      </c>
      <c r="C249" s="206">
        <v>5.58</v>
      </c>
      <c r="D249" s="207">
        <v>0.23519999999999999</v>
      </c>
    </row>
    <row r="250" spans="1:4">
      <c r="A250" s="45" t="s">
        <v>446</v>
      </c>
      <c r="B250" s="204">
        <v>116</v>
      </c>
      <c r="C250" s="84">
        <v>6.02</v>
      </c>
      <c r="D250" s="85">
        <v>0.19600000000000001</v>
      </c>
    </row>
    <row r="251" spans="1:4">
      <c r="A251" s="49" t="s">
        <v>447</v>
      </c>
      <c r="B251" s="205">
        <v>107</v>
      </c>
      <c r="C251" s="206">
        <v>5.26</v>
      </c>
      <c r="D251" s="207">
        <v>0.25480000000000003</v>
      </c>
    </row>
    <row r="252" spans="1:4" ht="25.5">
      <c r="A252" s="45" t="s">
        <v>448</v>
      </c>
      <c r="B252" s="83">
        <v>148</v>
      </c>
      <c r="C252" s="84">
        <v>5.3</v>
      </c>
      <c r="D252" s="85">
        <v>0.19600000000000001</v>
      </c>
    </row>
    <row r="253" spans="1:4">
      <c r="A253" s="49" t="s">
        <v>449</v>
      </c>
      <c r="B253" s="205">
        <v>194</v>
      </c>
      <c r="C253" s="206">
        <v>5.5</v>
      </c>
      <c r="D253" s="207">
        <v>0.15679999999999999</v>
      </c>
    </row>
    <row r="254" spans="1:4">
      <c r="A254" s="57" t="s">
        <v>450</v>
      </c>
      <c r="B254" s="204">
        <v>133</v>
      </c>
      <c r="C254" s="84">
        <v>6.21</v>
      </c>
      <c r="D254" s="85">
        <v>0.15679999999999999</v>
      </c>
    </row>
    <row r="255" spans="1:4">
      <c r="A255" s="49" t="s">
        <v>443</v>
      </c>
      <c r="B255" s="205">
        <v>74</v>
      </c>
      <c r="C255" s="206">
        <v>6.55</v>
      </c>
      <c r="D255" s="207">
        <v>0.1764</v>
      </c>
    </row>
    <row r="256" spans="1:4">
      <c r="A256" s="57" t="s">
        <v>451</v>
      </c>
      <c r="B256" s="204">
        <v>152</v>
      </c>
      <c r="C256" s="84">
        <v>5.63</v>
      </c>
      <c r="D256" s="85">
        <v>0.19600000000000001</v>
      </c>
    </row>
    <row r="257" spans="1:38">
      <c r="P257" s="256"/>
      <c r="Q257" s="256"/>
      <c r="R257" s="256"/>
      <c r="S257" s="256"/>
      <c r="T257" s="256"/>
      <c r="U257" s="256"/>
      <c r="V257" s="256"/>
      <c r="W257" s="256"/>
      <c r="X257" s="256"/>
      <c r="Y257" s="256"/>
      <c r="Z257" s="256"/>
      <c r="AA257" s="256"/>
      <c r="AB257" s="256"/>
      <c r="AC257" s="256"/>
      <c r="AD257" s="256"/>
      <c r="AE257" s="256"/>
      <c r="AF257" s="256"/>
      <c r="AG257" s="256"/>
      <c r="AH257" s="256"/>
    </row>
    <row r="258" spans="1:38">
      <c r="P258" s="256"/>
      <c r="Q258" s="256"/>
      <c r="R258" s="256"/>
      <c r="S258" s="256"/>
      <c r="T258" s="256"/>
      <c r="U258" s="256"/>
      <c r="V258" s="256"/>
      <c r="W258" s="256"/>
      <c r="X258" s="256"/>
      <c r="Y258" s="256"/>
      <c r="Z258" s="256"/>
      <c r="AA258" s="256"/>
      <c r="AB258" s="256"/>
      <c r="AC258" s="256"/>
      <c r="AD258" s="256"/>
      <c r="AE258" s="256"/>
      <c r="AF258" s="256"/>
      <c r="AG258" s="256"/>
      <c r="AH258" s="256"/>
    </row>
    <row r="259" spans="1:38">
      <c r="P259" s="256"/>
      <c r="Q259" s="256"/>
      <c r="R259" s="256"/>
      <c r="S259" s="256"/>
      <c r="T259" s="256"/>
      <c r="U259" s="256"/>
      <c r="V259" s="256"/>
      <c r="W259" s="256"/>
      <c r="X259" s="256"/>
      <c r="Y259" s="256"/>
      <c r="Z259" s="256"/>
      <c r="AA259" s="256"/>
      <c r="AB259" s="256"/>
      <c r="AC259" s="256"/>
      <c r="AD259" s="256"/>
      <c r="AE259" s="256"/>
      <c r="AF259" s="256"/>
      <c r="AG259" s="256"/>
      <c r="AH259" s="256"/>
    </row>
    <row r="260" spans="1:38">
      <c r="P260" s="256"/>
      <c r="Q260" s="256"/>
      <c r="R260" s="256"/>
      <c r="S260" s="256"/>
      <c r="T260" s="256"/>
      <c r="U260" s="256"/>
      <c r="V260" s="256"/>
      <c r="W260" s="256"/>
      <c r="X260" s="256"/>
      <c r="Y260" s="256"/>
      <c r="Z260" s="256"/>
      <c r="AA260" s="256"/>
      <c r="AB260" s="256"/>
      <c r="AC260" s="256"/>
      <c r="AD260" s="256"/>
      <c r="AE260" s="256"/>
      <c r="AF260" s="256"/>
      <c r="AG260" s="256"/>
      <c r="AH260" s="256"/>
    </row>
    <row r="261" spans="1:38">
      <c r="P261" s="256"/>
      <c r="Q261" s="256"/>
      <c r="R261" s="256"/>
      <c r="S261" s="256"/>
      <c r="T261" s="256"/>
      <c r="U261" s="256"/>
      <c r="V261" s="256"/>
      <c r="W261" s="256"/>
      <c r="X261" s="256"/>
      <c r="Y261" s="256"/>
      <c r="Z261" s="256"/>
      <c r="AA261" s="256"/>
      <c r="AB261" s="256"/>
      <c r="AC261" s="256"/>
      <c r="AD261" s="256"/>
      <c r="AE261" s="256"/>
      <c r="AF261" s="256"/>
      <c r="AG261" s="256"/>
      <c r="AH261" s="256"/>
    </row>
    <row r="262" spans="1:38">
      <c r="P262" s="256"/>
      <c r="Q262" s="256"/>
      <c r="R262" s="256"/>
      <c r="S262" s="256"/>
      <c r="T262" s="256"/>
      <c r="U262" s="256"/>
      <c r="V262" s="256"/>
      <c r="W262" s="256"/>
      <c r="X262" s="256"/>
      <c r="Y262" s="256"/>
      <c r="Z262" s="256"/>
      <c r="AA262" s="256"/>
      <c r="AB262" s="256"/>
      <c r="AC262" s="256"/>
      <c r="AD262" s="256"/>
      <c r="AE262" s="256"/>
      <c r="AF262" s="256"/>
      <c r="AG262" s="256"/>
      <c r="AH262" s="256"/>
    </row>
    <row r="263" spans="1:38">
      <c r="P263" s="256"/>
      <c r="Q263" s="256"/>
      <c r="R263" s="256"/>
      <c r="S263" s="256"/>
      <c r="T263" s="256"/>
      <c r="U263" s="256"/>
      <c r="V263" s="256"/>
      <c r="W263" s="256"/>
      <c r="X263" s="256"/>
      <c r="Y263" s="256"/>
      <c r="Z263" s="256"/>
      <c r="AA263" s="256"/>
      <c r="AB263" s="256"/>
      <c r="AC263" s="256"/>
      <c r="AD263" s="256"/>
      <c r="AE263" s="256"/>
      <c r="AF263" s="256"/>
      <c r="AG263" s="256"/>
      <c r="AH263" s="256"/>
    </row>
    <row r="264" spans="1:38" ht="18.75">
      <c r="A264" s="316" t="s">
        <v>53</v>
      </c>
      <c r="B264" s="316"/>
      <c r="C264" s="316"/>
      <c r="D264" s="316"/>
      <c r="E264" s="316"/>
      <c r="F264" s="316"/>
      <c r="G264" s="316"/>
      <c r="H264" s="316"/>
      <c r="I264" s="316"/>
      <c r="J264" s="316"/>
      <c r="K264" s="316"/>
      <c r="L264" s="316"/>
      <c r="M264" s="316"/>
      <c r="N264" s="316"/>
      <c r="O264" s="316"/>
      <c r="P264" s="316"/>
      <c r="Q264" s="316"/>
      <c r="R264" s="316"/>
      <c r="S264" s="316"/>
      <c r="T264" s="226"/>
      <c r="U264" s="226"/>
      <c r="V264" s="226"/>
      <c r="W264" s="256"/>
      <c r="X264" s="256"/>
      <c r="Y264" s="256"/>
      <c r="Z264" s="256"/>
      <c r="AA264" s="256"/>
      <c r="AB264" s="256"/>
      <c r="AC264" s="256"/>
      <c r="AD264" s="256"/>
      <c r="AE264" s="256"/>
      <c r="AF264" s="256"/>
      <c r="AG264" s="256"/>
      <c r="AH264" s="256"/>
    </row>
    <row r="265" spans="1:38" ht="38.25" customHeight="1">
      <c r="A265" s="385" t="s">
        <v>495</v>
      </c>
      <c r="B265" s="385"/>
      <c r="C265" s="385"/>
      <c r="D265" s="385"/>
      <c r="E265" s="385"/>
      <c r="F265" s="385"/>
      <c r="G265" s="385"/>
      <c r="H265" s="385"/>
      <c r="I265" s="385"/>
      <c r="J265" s="385"/>
      <c r="K265" s="385"/>
      <c r="L265" s="385"/>
      <c r="M265" s="385"/>
      <c r="N265" s="385"/>
      <c r="O265" s="385"/>
      <c r="P265" s="385"/>
      <c r="Q265" s="385"/>
      <c r="R265" s="385"/>
      <c r="S265" s="385"/>
      <c r="T265" s="257"/>
      <c r="U265" s="257"/>
      <c r="V265" s="257"/>
      <c r="W265" s="256"/>
      <c r="X265" s="256"/>
      <c r="Y265" s="256"/>
      <c r="Z265" s="256"/>
      <c r="AA265" s="256"/>
      <c r="AB265" s="256"/>
      <c r="AC265" s="256"/>
      <c r="AD265" s="256"/>
      <c r="AE265" s="256"/>
      <c r="AF265" s="256"/>
      <c r="AG265" s="256"/>
      <c r="AH265" s="256"/>
    </row>
    <row r="266" spans="1:38" ht="35.25" customHeight="1">
      <c r="A266" s="64"/>
      <c r="B266" s="376" t="s">
        <v>281</v>
      </c>
      <c r="C266" s="377"/>
      <c r="D266" s="377"/>
      <c r="E266" s="377"/>
      <c r="F266" s="377"/>
      <c r="G266" s="377"/>
      <c r="H266" s="377"/>
      <c r="I266" s="377"/>
      <c r="J266" s="378"/>
      <c r="K266" s="376" t="s">
        <v>282</v>
      </c>
      <c r="L266" s="377"/>
      <c r="M266" s="377"/>
      <c r="N266" s="377"/>
      <c r="O266" s="377"/>
      <c r="P266" s="377"/>
      <c r="Q266" s="377"/>
      <c r="R266" s="377"/>
      <c r="S266" s="378"/>
      <c r="T266" s="256"/>
      <c r="U266" s="256"/>
      <c r="V266" s="256"/>
      <c r="W266" s="256"/>
      <c r="X266" s="256"/>
      <c r="Y266" s="256"/>
      <c r="Z266" s="256"/>
      <c r="AA266" s="256"/>
      <c r="AB266" s="256"/>
      <c r="AC266" s="256"/>
      <c r="AD266" s="256"/>
      <c r="AE266" s="256"/>
      <c r="AF266" s="256"/>
      <c r="AG266" s="256"/>
      <c r="AH266" s="256"/>
      <c r="AI266" s="256"/>
      <c r="AJ266" s="256"/>
      <c r="AK266" s="256"/>
      <c r="AL266" s="256"/>
    </row>
    <row r="267" spans="1:38" ht="59.25" customHeight="1">
      <c r="A267" s="37" t="s">
        <v>85</v>
      </c>
      <c r="B267" s="38" t="s">
        <v>86</v>
      </c>
      <c r="C267" s="38" t="s">
        <v>257</v>
      </c>
      <c r="D267" s="89" t="s">
        <v>350</v>
      </c>
      <c r="E267" s="38" t="s">
        <v>351</v>
      </c>
      <c r="F267" s="89" t="s">
        <v>318</v>
      </c>
      <c r="G267" s="38" t="s">
        <v>352</v>
      </c>
      <c r="H267" s="89" t="s">
        <v>319</v>
      </c>
      <c r="I267" s="38" t="s">
        <v>356</v>
      </c>
      <c r="J267" s="89" t="s">
        <v>370</v>
      </c>
      <c r="K267" s="65" t="s">
        <v>86</v>
      </c>
      <c r="L267" s="65" t="s">
        <v>257</v>
      </c>
      <c r="M267" s="88" t="s">
        <v>350</v>
      </c>
      <c r="N267" s="65" t="s">
        <v>351</v>
      </c>
      <c r="O267" s="88" t="s">
        <v>318</v>
      </c>
      <c r="P267" s="65" t="s">
        <v>352</v>
      </c>
      <c r="Q267" s="259" t="s">
        <v>319</v>
      </c>
      <c r="R267" s="65" t="s">
        <v>356</v>
      </c>
      <c r="S267" s="88" t="s">
        <v>370</v>
      </c>
      <c r="T267" s="256"/>
      <c r="U267" s="256"/>
      <c r="V267" s="256"/>
      <c r="W267" s="256"/>
      <c r="X267" s="256"/>
      <c r="Y267" s="256"/>
      <c r="Z267" s="256"/>
      <c r="AA267" s="256"/>
      <c r="AB267" s="256"/>
      <c r="AC267" s="256"/>
      <c r="AD267" s="256"/>
      <c r="AE267" s="256"/>
      <c r="AF267" s="256"/>
      <c r="AG267" s="256"/>
      <c r="AH267" s="256"/>
      <c r="AI267" s="256"/>
      <c r="AJ267" s="256"/>
      <c r="AK267" s="256"/>
      <c r="AL267" s="256"/>
    </row>
    <row r="268" spans="1:38" ht="72">
      <c r="A268" s="41"/>
      <c r="B268" s="42" t="s">
        <v>89</v>
      </c>
      <c r="C268" s="42" t="s">
        <v>181</v>
      </c>
      <c r="D268" s="91" t="s">
        <v>104</v>
      </c>
      <c r="E268" s="42" t="s">
        <v>182</v>
      </c>
      <c r="F268" s="91" t="s">
        <v>104</v>
      </c>
      <c r="G268" s="42" t="s">
        <v>183</v>
      </c>
      <c r="H268" s="91" t="s">
        <v>104</v>
      </c>
      <c r="I268" s="42" t="s">
        <v>356</v>
      </c>
      <c r="J268" s="91" t="s">
        <v>104</v>
      </c>
      <c r="K268" s="68" t="s">
        <v>89</v>
      </c>
      <c r="L268" s="68" t="s">
        <v>181</v>
      </c>
      <c r="M268" s="90" t="s">
        <v>104</v>
      </c>
      <c r="N268" s="68" t="s">
        <v>182</v>
      </c>
      <c r="O268" s="90" t="s">
        <v>104</v>
      </c>
      <c r="P268" s="68" t="s">
        <v>183</v>
      </c>
      <c r="Q268" s="273" t="s">
        <v>104</v>
      </c>
      <c r="R268" s="68" t="s">
        <v>356</v>
      </c>
      <c r="S268" s="90" t="s">
        <v>104</v>
      </c>
    </row>
    <row r="269" spans="1:38">
      <c r="A269" s="45" t="s">
        <v>435</v>
      </c>
      <c r="B269" s="204">
        <v>10996</v>
      </c>
      <c r="C269" s="208">
        <v>0.08</v>
      </c>
      <c r="D269" s="94">
        <v>5.1778643397893511E-3</v>
      </c>
      <c r="E269" s="208">
        <v>0.114</v>
      </c>
      <c r="F269" s="94">
        <v>6.0636724853184573E-3</v>
      </c>
      <c r="G269" s="208">
        <v>0.79800000000000004</v>
      </c>
      <c r="H269" s="94">
        <v>7.6576894921402067E-3</v>
      </c>
      <c r="I269" s="208">
        <v>8.0000000000000002E-3</v>
      </c>
      <c r="J269" s="94">
        <v>1.7175050125100056E-3</v>
      </c>
      <c r="K269" s="204">
        <v>10971</v>
      </c>
      <c r="L269" s="210">
        <v>7.2999999999999995E-2</v>
      </c>
      <c r="M269" s="94">
        <v>4.9711286993327228E-3</v>
      </c>
      <c r="N269" s="208">
        <v>0.13200000000000001</v>
      </c>
      <c r="O269" s="94">
        <v>6.4648958237158291E-3</v>
      </c>
      <c r="P269" s="208">
        <v>0.78800000000000003</v>
      </c>
      <c r="Q269" s="274">
        <v>7.8043606594874375E-3</v>
      </c>
      <c r="R269" s="208">
        <v>8.0000000000000002E-3</v>
      </c>
      <c r="S269" s="94">
        <v>1.7195025405736641E-3</v>
      </c>
    </row>
    <row r="270" spans="1:38">
      <c r="A270" s="49" t="s">
        <v>436</v>
      </c>
      <c r="B270" s="205">
        <v>8848</v>
      </c>
      <c r="C270" s="209">
        <v>0.08</v>
      </c>
      <c r="D270" s="97">
        <v>5.77321775012638E-3</v>
      </c>
      <c r="E270" s="209">
        <v>0.09</v>
      </c>
      <c r="F270" s="97">
        <v>6.0891066032065476E-3</v>
      </c>
      <c r="G270" s="209">
        <v>0.82599999999999996</v>
      </c>
      <c r="H270" s="97">
        <v>8.0615578238856928E-3</v>
      </c>
      <c r="I270" s="209">
        <v>4.0000000000000001E-3</v>
      </c>
      <c r="J270" s="97">
        <v>1.3786649574526128E-3</v>
      </c>
      <c r="K270" s="205">
        <v>8824</v>
      </c>
      <c r="L270" s="209">
        <v>6.8000000000000005E-2</v>
      </c>
      <c r="M270" s="97">
        <v>5.3658657756638396E-3</v>
      </c>
      <c r="N270" s="209">
        <v>0.12</v>
      </c>
      <c r="O270" s="97">
        <v>6.9214908231813605E-3</v>
      </c>
      <c r="P270" s="209">
        <v>0.80900000000000005</v>
      </c>
      <c r="Q270" s="275">
        <v>8.3697273672447038E-3</v>
      </c>
      <c r="R270" s="209">
        <v>3.0000000000000001E-3</v>
      </c>
      <c r="S270" s="97">
        <v>1.2069108323037394E-3</v>
      </c>
    </row>
    <row r="271" spans="1:38">
      <c r="A271" s="45" t="s">
        <v>437</v>
      </c>
      <c r="B271" s="204">
        <v>1983</v>
      </c>
      <c r="C271" s="208">
        <v>8.2600000000000007E-2</v>
      </c>
      <c r="D271" s="94">
        <v>1.2407928405831475E-2</v>
      </c>
      <c r="E271" s="208">
        <v>0.16009999999999999</v>
      </c>
      <c r="F271" s="94">
        <v>1.64812301671046E-2</v>
      </c>
      <c r="G271" s="208">
        <v>0.74270000000000003</v>
      </c>
      <c r="H271" s="94">
        <v>1.9625770367670839E-2</v>
      </c>
      <c r="I271" s="208">
        <v>1.4500000000000001E-2</v>
      </c>
      <c r="J271" s="94">
        <v>5.5385012559716019E-3</v>
      </c>
      <c r="K271" s="204">
        <v>1984</v>
      </c>
      <c r="L271" s="210">
        <v>6.2300000000000001E-2</v>
      </c>
      <c r="M271" s="94">
        <v>1.0912942979242916E-2</v>
      </c>
      <c r="N271" s="208">
        <v>0.1482</v>
      </c>
      <c r="O271" s="94">
        <v>1.5968675332372655E-2</v>
      </c>
      <c r="P271" s="208">
        <v>0.77449999999999997</v>
      </c>
      <c r="Q271" s="274">
        <v>1.8762127681943033E-2</v>
      </c>
      <c r="R271" s="208">
        <v>1.4999999999999999E-2</v>
      </c>
      <c r="S271" s="94">
        <v>5.624147989777231E-3</v>
      </c>
    </row>
    <row r="272" spans="1:38">
      <c r="A272" s="49" t="s">
        <v>438</v>
      </c>
      <c r="B272" s="205">
        <v>1255</v>
      </c>
      <c r="C272" s="209">
        <v>8.5000000000000006E-2</v>
      </c>
      <c r="D272" s="97">
        <v>1.5829474738974617E-2</v>
      </c>
      <c r="E272" s="209">
        <v>0.115</v>
      </c>
      <c r="F272" s="97">
        <v>1.8064869643154881E-2</v>
      </c>
      <c r="G272" s="209">
        <v>0.79700000000000004</v>
      </c>
      <c r="H272" s="97">
        <v>2.2711409874807676E-2</v>
      </c>
      <c r="I272" s="209">
        <v>3.0000000000000001E-3</v>
      </c>
      <c r="J272" s="97">
        <v>3.8054613371014839E-3</v>
      </c>
      <c r="K272" s="205">
        <v>1258</v>
      </c>
      <c r="L272" s="209">
        <v>6.4000000000000001E-2</v>
      </c>
      <c r="M272" s="97">
        <v>1.3917021037004436E-2</v>
      </c>
      <c r="N272" s="209">
        <v>0.122</v>
      </c>
      <c r="O272" s="97">
        <v>1.8503464946657965E-2</v>
      </c>
      <c r="P272" s="209">
        <v>0.81100000000000005</v>
      </c>
      <c r="Q272" s="275">
        <v>2.2085495644825447E-2</v>
      </c>
      <c r="R272" s="209">
        <v>3.0000000000000001E-3</v>
      </c>
      <c r="S272" s="97">
        <v>3.7993844587971234E-3</v>
      </c>
    </row>
    <row r="273" spans="1:19">
      <c r="A273" s="45" t="s">
        <v>439</v>
      </c>
      <c r="B273" s="204">
        <v>897</v>
      </c>
      <c r="C273" s="208">
        <v>0.09</v>
      </c>
      <c r="D273" s="94">
        <v>1.9240778316804017E-2</v>
      </c>
      <c r="E273" s="208">
        <v>9.7000000000000003E-2</v>
      </c>
      <c r="F273" s="94">
        <v>1.9880869653455629E-2</v>
      </c>
      <c r="G273" s="208">
        <v>0.81</v>
      </c>
      <c r="H273" s="94">
        <v>2.6211076957888341E-2</v>
      </c>
      <c r="I273" s="208">
        <v>2E-3</v>
      </c>
      <c r="J273" s="94">
        <v>4.3145703742439702E-3</v>
      </c>
      <c r="K273" s="204">
        <v>899</v>
      </c>
      <c r="L273" s="210">
        <v>7.3999999999999996E-2</v>
      </c>
      <c r="M273" s="94">
        <v>1.7625135562931438E-2</v>
      </c>
      <c r="N273" s="208">
        <v>0.122</v>
      </c>
      <c r="O273" s="94">
        <v>2.1910828725730466E-2</v>
      </c>
      <c r="P273" s="208">
        <v>0.80100000000000005</v>
      </c>
      <c r="Q273" s="274">
        <v>2.6638957549207472E-2</v>
      </c>
      <c r="R273" s="208">
        <v>3.0000000000000001E-3</v>
      </c>
      <c r="S273" s="94">
        <v>4.7876244400782428E-3</v>
      </c>
    </row>
    <row r="274" spans="1:19">
      <c r="A274" s="49" t="s">
        <v>444</v>
      </c>
      <c r="B274" s="205">
        <v>102</v>
      </c>
      <c r="C274" s="209">
        <v>9.0999999999999998E-2</v>
      </c>
      <c r="D274" s="97">
        <v>5.9907404632861892E-2</v>
      </c>
      <c r="E274" s="209">
        <v>0.14099999999999999</v>
      </c>
      <c r="F274" s="97">
        <v>7.0218618751867079E-2</v>
      </c>
      <c r="G274" s="209">
        <v>0.76300000000000001</v>
      </c>
      <c r="H274" s="97">
        <v>8.3768054798405003E-2</v>
      </c>
      <c r="I274" s="209">
        <v>5.0000000000000001E-3</v>
      </c>
      <c r="J274" s="97">
        <v>2.9536378992594363E-2</v>
      </c>
      <c r="K274" s="205">
        <v>102</v>
      </c>
      <c r="L274" s="209">
        <v>6.6000000000000003E-2</v>
      </c>
      <c r="M274" s="97">
        <v>5.3408828787037864E-2</v>
      </c>
      <c r="N274" s="209">
        <v>8.7999999999999995E-2</v>
      </c>
      <c r="O274" s="97">
        <v>5.9184761372280792E-2</v>
      </c>
      <c r="P274" s="209">
        <v>0.84099999999999997</v>
      </c>
      <c r="Q274" s="275">
        <v>7.3286550812967921E-2</v>
      </c>
      <c r="R274" s="209">
        <v>5.0000000000000001E-3</v>
      </c>
      <c r="S274" s="97">
        <v>2.9536378992594363E-2</v>
      </c>
    </row>
    <row r="275" spans="1:19">
      <c r="A275" s="45" t="s">
        <v>445</v>
      </c>
      <c r="B275" s="204">
        <v>305</v>
      </c>
      <c r="C275" s="208">
        <v>9.7000000000000003E-2</v>
      </c>
      <c r="D275" s="94">
        <v>3.4466539931035836E-2</v>
      </c>
      <c r="E275" s="208">
        <v>0.113</v>
      </c>
      <c r="F275" s="94">
        <v>3.6706377563107725E-2</v>
      </c>
      <c r="G275" s="208">
        <v>0.78500000000000003</v>
      </c>
      <c r="H275" s="94">
        <v>4.703015648065164E-2</v>
      </c>
      <c r="I275" s="208">
        <v>5.0000000000000001E-3</v>
      </c>
      <c r="J275" s="94">
        <v>1.2082579849782176E-2</v>
      </c>
      <c r="K275" s="204">
        <v>305</v>
      </c>
      <c r="L275" s="210">
        <v>5.6000000000000001E-2</v>
      </c>
      <c r="M275" s="94">
        <v>2.7385492123747964E-2</v>
      </c>
      <c r="N275" s="208">
        <v>0.19600000000000001</v>
      </c>
      <c r="O275" s="94">
        <v>4.5504885880028476E-2</v>
      </c>
      <c r="P275" s="208">
        <v>0.74399999999999999</v>
      </c>
      <c r="Q275" s="274">
        <v>4.985356011808801E-2</v>
      </c>
      <c r="R275" s="208">
        <v>5.0000000000000001E-3</v>
      </c>
      <c r="S275" s="94">
        <v>1.2082579849782176E-2</v>
      </c>
    </row>
    <row r="276" spans="1:19">
      <c r="A276" s="49" t="s">
        <v>440</v>
      </c>
      <c r="B276" s="205">
        <v>105</v>
      </c>
      <c r="C276" s="209">
        <v>0.16900000000000001</v>
      </c>
      <c r="D276" s="97">
        <v>7.3779395902819081E-2</v>
      </c>
      <c r="E276" s="209">
        <v>0.23799999999999999</v>
      </c>
      <c r="F276" s="97">
        <v>8.2684688950804303E-2</v>
      </c>
      <c r="G276" s="209">
        <v>0.59399999999999997</v>
      </c>
      <c r="H276" s="97">
        <v>9.4198816569904226E-2</v>
      </c>
      <c r="I276" s="209">
        <v>0</v>
      </c>
      <c r="J276" s="97">
        <v>2.5709707484377786E-2</v>
      </c>
      <c r="K276" s="205">
        <v>105</v>
      </c>
      <c r="L276" s="209">
        <v>0.1</v>
      </c>
      <c r="M276" s="97">
        <v>6.1039211096594589E-2</v>
      </c>
      <c r="N276" s="209">
        <v>0.253</v>
      </c>
      <c r="O276" s="97">
        <v>8.4242238023867808E-2</v>
      </c>
      <c r="P276" s="209">
        <v>0.63200000000000001</v>
      </c>
      <c r="Q276" s="275">
        <v>9.2633511085460599E-2</v>
      </c>
      <c r="R276" s="209">
        <v>1.4999999999999999E-2</v>
      </c>
      <c r="S276" s="97">
        <v>3.4119297185196518E-2</v>
      </c>
    </row>
    <row r="277" spans="1:19">
      <c r="A277" s="45" t="s">
        <v>441</v>
      </c>
      <c r="B277" s="204">
        <v>96</v>
      </c>
      <c r="C277" s="208">
        <v>1.2E-2</v>
      </c>
      <c r="D277" s="94">
        <v>3.4943663002038008E-2</v>
      </c>
      <c r="E277" s="208">
        <v>1.2999999999999999E-2</v>
      </c>
      <c r="F277" s="94">
        <v>3.5454223782223751E-2</v>
      </c>
      <c r="G277" s="208">
        <v>0.95799999999999996</v>
      </c>
      <c r="H277" s="94">
        <v>4.7615752687529843E-2</v>
      </c>
      <c r="I277" s="208">
        <v>1.6E-2</v>
      </c>
      <c r="J277" s="94">
        <v>3.6937607069218767E-2</v>
      </c>
      <c r="K277" s="204">
        <v>96</v>
      </c>
      <c r="L277" s="210">
        <v>1.6E-2</v>
      </c>
      <c r="M277" s="94">
        <v>3.6937607069218767E-2</v>
      </c>
      <c r="N277" s="208">
        <v>4.4999999999999998E-2</v>
      </c>
      <c r="O277" s="94">
        <v>4.8664467530221675E-2</v>
      </c>
      <c r="P277" s="208">
        <v>0.93899999999999995</v>
      </c>
      <c r="Q277" s="274">
        <v>5.381015755412729E-2</v>
      </c>
      <c r="R277" s="208">
        <v>0</v>
      </c>
      <c r="S277" s="94">
        <v>2.8000000000000001E-2</v>
      </c>
    </row>
    <row r="278" spans="1:19">
      <c r="A278" s="49" t="s">
        <v>442</v>
      </c>
      <c r="B278" s="205">
        <v>81</v>
      </c>
      <c r="C278" s="209">
        <v>0.05</v>
      </c>
      <c r="D278" s="97">
        <v>5.5777026948308626E-2</v>
      </c>
      <c r="E278" s="209">
        <v>9.6000000000000002E-2</v>
      </c>
      <c r="F278" s="97">
        <v>6.9208655930962898E-2</v>
      </c>
      <c r="G278" s="209">
        <v>0.85399999999999998</v>
      </c>
      <c r="H278" s="97">
        <v>8.0059075440265332E-2</v>
      </c>
      <c r="I278" s="209">
        <v>0</v>
      </c>
      <c r="J278" s="97">
        <v>3.2881805121991139E-2</v>
      </c>
      <c r="K278" s="205">
        <v>80</v>
      </c>
      <c r="L278" s="209">
        <v>3.1E-2</v>
      </c>
      <c r="M278" s="97">
        <v>4.9032976701734149E-2</v>
      </c>
      <c r="N278" s="209">
        <v>0.189</v>
      </c>
      <c r="O278" s="97">
        <v>8.7904494119377993E-2</v>
      </c>
      <c r="P278" s="209">
        <v>0.78</v>
      </c>
      <c r="Q278" s="275">
        <v>9.2295820699089717E-2</v>
      </c>
      <c r="R278" s="209">
        <v>0</v>
      </c>
      <c r="S278" s="97">
        <v>3.326848242884628E-2</v>
      </c>
    </row>
    <row r="279" spans="1:19">
      <c r="A279" s="45" t="s">
        <v>446</v>
      </c>
      <c r="B279" s="204">
        <v>115</v>
      </c>
      <c r="C279" s="208">
        <v>6.0999999999999999E-2</v>
      </c>
      <c r="D279" s="94">
        <v>4.8513113586887494E-2</v>
      </c>
      <c r="E279" s="208">
        <v>3.4000000000000002E-2</v>
      </c>
      <c r="F279" s="94">
        <v>3.9830466783723047E-2</v>
      </c>
      <c r="G279" s="208">
        <v>0.90500000000000003</v>
      </c>
      <c r="H279" s="94">
        <v>5.7046808102324896E-2</v>
      </c>
      <c r="I279" s="208">
        <v>0</v>
      </c>
      <c r="J279" s="94">
        <v>2.3567715249216942E-2</v>
      </c>
      <c r="K279" s="204">
        <v>116</v>
      </c>
      <c r="L279" s="210">
        <v>0.02</v>
      </c>
      <c r="M279" s="94">
        <v>3.4011762671170107E-2</v>
      </c>
      <c r="N279" s="208">
        <v>7.9000000000000001E-2</v>
      </c>
      <c r="O279" s="94">
        <v>5.3033992942332825E-2</v>
      </c>
      <c r="P279" s="208">
        <v>0.90100000000000002</v>
      </c>
      <c r="Q279" s="274">
        <v>5.7660037833520035E-2</v>
      </c>
      <c r="R279" s="208">
        <v>0</v>
      </c>
      <c r="S279" s="94">
        <v>2.3372982186625143E-2</v>
      </c>
    </row>
    <row r="280" spans="1:19">
      <c r="A280" s="49" t="s">
        <v>447</v>
      </c>
      <c r="B280" s="205">
        <v>107</v>
      </c>
      <c r="C280" s="209">
        <v>0.14399999999999999</v>
      </c>
      <c r="D280" s="97">
        <v>6.9030231600705858E-2</v>
      </c>
      <c r="E280" s="209">
        <v>7.3999999999999996E-2</v>
      </c>
      <c r="F280" s="97">
        <v>5.4149505205342154E-2</v>
      </c>
      <c r="G280" s="209">
        <v>0.78200000000000003</v>
      </c>
      <c r="H280" s="97">
        <v>7.96623934742198E-2</v>
      </c>
      <c r="I280" s="209">
        <v>0</v>
      </c>
      <c r="J280" s="97">
        <v>2.5250720474759302E-2</v>
      </c>
      <c r="K280" s="205">
        <v>107</v>
      </c>
      <c r="L280" s="209">
        <v>0.121</v>
      </c>
      <c r="M280" s="97">
        <v>6.480044847242504E-2</v>
      </c>
      <c r="N280" s="209">
        <v>0.19700000000000001</v>
      </c>
      <c r="O280" s="97">
        <v>7.703717181025517E-2</v>
      </c>
      <c r="P280" s="209">
        <v>0.68100000000000005</v>
      </c>
      <c r="Q280" s="275">
        <v>8.8949344801702274E-2</v>
      </c>
      <c r="R280" s="209">
        <v>0</v>
      </c>
      <c r="S280" s="97">
        <v>2.5250720474759302E-2</v>
      </c>
    </row>
    <row r="281" spans="1:19" ht="25.5">
      <c r="A281" s="45" t="s">
        <v>448</v>
      </c>
      <c r="B281" s="204">
        <v>147</v>
      </c>
      <c r="C281" s="208">
        <v>0.128</v>
      </c>
      <c r="D281" s="94">
        <v>5.6110226270823155E-2</v>
      </c>
      <c r="E281" s="208">
        <v>0.105</v>
      </c>
      <c r="F281" s="94">
        <v>5.2014195398001006E-2</v>
      </c>
      <c r="G281" s="208">
        <v>0.76700000000000002</v>
      </c>
      <c r="H281" s="94">
        <v>6.9518281075221039E-2</v>
      </c>
      <c r="I281" s="208">
        <v>0</v>
      </c>
      <c r="J281" s="94">
        <v>1.8606843582156651E-2</v>
      </c>
      <c r="K281" s="204">
        <v>147</v>
      </c>
      <c r="L281" s="210">
        <v>0.17100000000000001</v>
      </c>
      <c r="M281" s="94">
        <v>6.249082947321126E-2</v>
      </c>
      <c r="N281" s="208">
        <v>0.125</v>
      </c>
      <c r="O281" s="94">
        <v>5.5606624800275221E-2</v>
      </c>
      <c r="P281" s="208">
        <v>0.70399999999999996</v>
      </c>
      <c r="Q281" s="274">
        <v>7.4684256922830899E-2</v>
      </c>
      <c r="R281" s="208">
        <v>0</v>
      </c>
      <c r="S281" s="94">
        <v>1.8606843582156651E-2</v>
      </c>
    </row>
    <row r="282" spans="1:19">
      <c r="A282" s="49" t="s">
        <v>449</v>
      </c>
      <c r="B282" s="205">
        <v>194</v>
      </c>
      <c r="C282" s="209">
        <v>6.7000000000000004E-2</v>
      </c>
      <c r="D282" s="97">
        <v>3.76077025252727E-2</v>
      </c>
      <c r="E282" s="209">
        <v>0.17499999999999999</v>
      </c>
      <c r="F282" s="97">
        <v>5.4790615011737334E-2</v>
      </c>
      <c r="G282" s="209">
        <v>0.755</v>
      </c>
      <c r="H282" s="97">
        <v>6.1558173950988261E-2</v>
      </c>
      <c r="I282" s="209">
        <v>4.0000000000000001E-3</v>
      </c>
      <c r="J282" s="97">
        <v>1.6711234928594648E-2</v>
      </c>
      <c r="K282" s="205">
        <v>195</v>
      </c>
      <c r="L282" s="209">
        <v>3.5000000000000003E-2</v>
      </c>
      <c r="M282" s="97">
        <v>2.9186663465477734E-2</v>
      </c>
      <c r="N282" s="209">
        <v>0.13800000000000001</v>
      </c>
      <c r="O282" s="97">
        <v>4.9959009281794933E-2</v>
      </c>
      <c r="P282" s="209">
        <v>0.82299999999999995</v>
      </c>
      <c r="Q282" s="275">
        <v>5.487729182016516E-2</v>
      </c>
      <c r="R282" s="209">
        <v>4.0000000000000001E-3</v>
      </c>
      <c r="S282" s="97">
        <v>1.6639658721778548E-2</v>
      </c>
    </row>
    <row r="283" spans="1:19">
      <c r="A283" s="57" t="s">
        <v>450</v>
      </c>
      <c r="B283" s="204">
        <v>134</v>
      </c>
      <c r="C283" s="208">
        <v>2.1999999999999999E-2</v>
      </c>
      <c r="D283" s="94">
        <v>3.1654606204819614E-2</v>
      </c>
      <c r="E283" s="208">
        <v>6.8000000000000005E-2</v>
      </c>
      <c r="F283" s="94">
        <v>4.6325248588098583E-2</v>
      </c>
      <c r="G283" s="208">
        <v>0.90300000000000002</v>
      </c>
      <c r="H283" s="94">
        <v>5.2988805218403927E-2</v>
      </c>
      <c r="I283" s="208">
        <v>7.0000000000000001E-3</v>
      </c>
      <c r="J283" s="94">
        <v>2.4575584173962474E-2</v>
      </c>
      <c r="K283" s="204">
        <v>134</v>
      </c>
      <c r="L283" s="210">
        <v>7.0000000000000001E-3</v>
      </c>
      <c r="M283" s="94">
        <v>2.4575584173962474E-2</v>
      </c>
      <c r="N283" s="208">
        <v>7.8E-2</v>
      </c>
      <c r="O283" s="94">
        <v>4.8779328942660009E-2</v>
      </c>
      <c r="P283" s="208">
        <v>0.90700000000000003</v>
      </c>
      <c r="Q283" s="274">
        <v>5.214657963330227E-2</v>
      </c>
      <c r="R283" s="208">
        <v>7.0000000000000001E-3</v>
      </c>
      <c r="S283" s="94">
        <v>2.4575584173962474E-2</v>
      </c>
    </row>
    <row r="284" spans="1:19">
      <c r="A284" s="49" t="s">
        <v>443</v>
      </c>
      <c r="B284" s="205">
        <v>75</v>
      </c>
      <c r="C284" s="209">
        <v>1E-3</v>
      </c>
      <c r="D284" s="97">
        <v>3.5985882842607564E-2</v>
      </c>
      <c r="E284" s="209">
        <v>1.0999999999999999E-2</v>
      </c>
      <c r="F284" s="97">
        <v>4.1783500034142503E-2</v>
      </c>
      <c r="G284" s="209">
        <v>0.97299999999999998</v>
      </c>
      <c r="H284" s="97">
        <v>4.9480096539040903E-2</v>
      </c>
      <c r="I284" s="209">
        <v>1.4E-2</v>
      </c>
      <c r="J284" s="97">
        <v>4.3351404018500767E-2</v>
      </c>
      <c r="K284" s="205">
        <v>75</v>
      </c>
      <c r="L284" s="209">
        <v>0</v>
      </c>
      <c r="M284" s="97">
        <v>3.5346768793784435E-2</v>
      </c>
      <c r="N284" s="209">
        <v>3.9E-2</v>
      </c>
      <c r="O284" s="97">
        <v>5.4403683604278157E-2</v>
      </c>
      <c r="P284" s="209">
        <v>0.94699999999999995</v>
      </c>
      <c r="Q284" s="275">
        <v>5.9496866891964893E-2</v>
      </c>
      <c r="R284" s="209">
        <v>1.4E-2</v>
      </c>
      <c r="S284" s="97">
        <v>4.3351404018500767E-2</v>
      </c>
    </row>
    <row r="285" spans="1:19">
      <c r="A285" s="57" t="s">
        <v>451</v>
      </c>
      <c r="B285" s="204">
        <v>151</v>
      </c>
      <c r="C285" s="208">
        <v>0.105</v>
      </c>
      <c r="D285" s="94">
        <v>5.1286417694403348E-2</v>
      </c>
      <c r="E285" s="208">
        <v>0.121</v>
      </c>
      <c r="F285" s="94">
        <v>5.4162734007442377E-2</v>
      </c>
      <c r="G285" s="208">
        <v>0.77400000000000002</v>
      </c>
      <c r="H285" s="94">
        <v>6.7918146511009261E-2</v>
      </c>
      <c r="I285" s="208">
        <v>0</v>
      </c>
      <c r="J285" s="94">
        <v>1.8129806198091857E-2</v>
      </c>
      <c r="K285" s="204">
        <v>152</v>
      </c>
      <c r="L285" s="210">
        <v>8.1000000000000003E-2</v>
      </c>
      <c r="M285" s="94">
        <v>4.622317752631766E-2</v>
      </c>
      <c r="N285" s="208">
        <v>4.7E-2</v>
      </c>
      <c r="O285" s="94">
        <v>3.7614652526122068E-2</v>
      </c>
      <c r="P285" s="208">
        <v>0.872</v>
      </c>
      <c r="Q285" s="274">
        <v>5.5150524356736078E-2</v>
      </c>
      <c r="R285" s="208">
        <v>0</v>
      </c>
      <c r="S285" s="94">
        <v>1.8014344193057537E-2</v>
      </c>
    </row>
  </sheetData>
  <mergeCells count="39">
    <mergeCell ref="A4:W4"/>
    <mergeCell ref="A3:W3"/>
    <mergeCell ref="A119:D119"/>
    <mergeCell ref="A120:D120"/>
    <mergeCell ref="A149:S149"/>
    <mergeCell ref="A148:S148"/>
    <mergeCell ref="A121:D121"/>
    <mergeCell ref="B5:L5"/>
    <mergeCell ref="M5:W5"/>
    <mergeCell ref="M34:W34"/>
    <mergeCell ref="A33:W33"/>
    <mergeCell ref="A32:W32"/>
    <mergeCell ref="B34:L34"/>
    <mergeCell ref="B63:L63"/>
    <mergeCell ref="M63:W63"/>
    <mergeCell ref="A61:W61"/>
    <mergeCell ref="B92:L92"/>
    <mergeCell ref="A91:L91"/>
    <mergeCell ref="A90:L90"/>
    <mergeCell ref="A62:W62"/>
    <mergeCell ref="AL208:AT208"/>
    <mergeCell ref="A207:AT207"/>
    <mergeCell ref="A206:AT206"/>
    <mergeCell ref="B208:J208"/>
    <mergeCell ref="K208:S208"/>
    <mergeCell ref="T208:AB208"/>
    <mergeCell ref="AC208:AK208"/>
    <mergeCell ref="A178:D178"/>
    <mergeCell ref="K150:S150"/>
    <mergeCell ref="B150:J150"/>
    <mergeCell ref="A179:D179"/>
    <mergeCell ref="A177:D177"/>
    <mergeCell ref="K266:S266"/>
    <mergeCell ref="B266:J266"/>
    <mergeCell ref="A265:S265"/>
    <mergeCell ref="A264:S264"/>
    <mergeCell ref="A235:D235"/>
    <mergeCell ref="A236:D236"/>
    <mergeCell ref="A237:D237"/>
  </mergeCells>
  <pageMargins left="0.7" right="0.7" top="0.75" bottom="0.75" header="0.3" footer="0.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CG53"/>
  <sheetViews>
    <sheetView zoomScaleNormal="100" workbookViewId="0">
      <selection activeCell="A33" sqref="A33:AK33"/>
    </sheetView>
  </sheetViews>
  <sheetFormatPr defaultColWidth="21.28515625" defaultRowHeight="15"/>
  <cols>
    <col min="1" max="1" width="44.7109375" customWidth="1"/>
  </cols>
  <sheetData>
    <row r="1" spans="1:4" ht="31.5">
      <c r="A1" s="33" t="s">
        <v>54</v>
      </c>
    </row>
    <row r="3" spans="1:4" ht="18.75">
      <c r="A3" s="388" t="s">
        <v>433</v>
      </c>
      <c r="B3" s="388"/>
      <c r="C3" s="388"/>
      <c r="D3" s="388"/>
    </row>
    <row r="4" spans="1:4" ht="102" customHeight="1">
      <c r="A4" s="386" t="s">
        <v>496</v>
      </c>
      <c r="B4" s="386"/>
      <c r="C4" s="386"/>
      <c r="D4" s="386"/>
    </row>
    <row r="5" spans="1:4" ht="36.75" customHeight="1">
      <c r="A5" s="364" t="s">
        <v>170</v>
      </c>
      <c r="B5" s="364"/>
      <c r="C5" s="364"/>
      <c r="D5" s="364"/>
    </row>
    <row r="6" spans="1:4" ht="72">
      <c r="A6" s="37" t="s">
        <v>85</v>
      </c>
      <c r="B6" s="38" t="s">
        <v>86</v>
      </c>
      <c r="C6" s="39" t="s">
        <v>87</v>
      </c>
      <c r="D6" s="40" t="s">
        <v>88</v>
      </c>
    </row>
    <row r="7" spans="1:4" ht="60">
      <c r="A7" s="41"/>
      <c r="B7" s="42" t="s">
        <v>89</v>
      </c>
      <c r="C7" s="126" t="s">
        <v>171</v>
      </c>
      <c r="D7" s="44" t="s">
        <v>91</v>
      </c>
    </row>
    <row r="8" spans="1:4">
      <c r="A8" s="45" t="s">
        <v>435</v>
      </c>
      <c r="B8" s="211">
        <v>10771</v>
      </c>
      <c r="C8" s="84">
        <v>4.5999999999999996</v>
      </c>
      <c r="D8" s="85">
        <v>1.9599999999999999E-2</v>
      </c>
    </row>
    <row r="9" spans="1:4">
      <c r="A9" s="49" t="s">
        <v>436</v>
      </c>
      <c r="B9" s="49">
        <v>8708</v>
      </c>
      <c r="C9" s="213">
        <v>4.6100000000000003</v>
      </c>
      <c r="D9" s="214">
        <v>1.9599999999999999E-2</v>
      </c>
    </row>
    <row r="10" spans="1:4">
      <c r="A10" s="45" t="s">
        <v>437</v>
      </c>
      <c r="B10" s="53">
        <v>1898</v>
      </c>
      <c r="C10" s="84">
        <v>4.6900000000000004</v>
      </c>
      <c r="D10" s="85">
        <v>5.8799999999999998E-2</v>
      </c>
    </row>
    <row r="11" spans="1:4">
      <c r="A11" s="49" t="s">
        <v>438</v>
      </c>
      <c r="B11" s="49">
        <v>1238</v>
      </c>
      <c r="C11" s="213">
        <v>4.6399999999999997</v>
      </c>
      <c r="D11" s="214">
        <v>5.8799999999999998E-2</v>
      </c>
    </row>
    <row r="12" spans="1:4">
      <c r="A12" s="45" t="s">
        <v>439</v>
      </c>
      <c r="B12" s="53">
        <v>890</v>
      </c>
      <c r="C12" s="84">
        <v>4.7</v>
      </c>
      <c r="D12" s="85">
        <v>7.8399999999999997E-2</v>
      </c>
    </row>
    <row r="13" spans="1:4">
      <c r="A13" s="49" t="s">
        <v>444</v>
      </c>
      <c r="B13" s="49">
        <v>96</v>
      </c>
      <c r="C13" s="213">
        <v>4.72</v>
      </c>
      <c r="D13" s="214">
        <v>0.23519999999999999</v>
      </c>
    </row>
    <row r="14" spans="1:4">
      <c r="A14" s="45" t="s">
        <v>445</v>
      </c>
      <c r="B14" s="53">
        <v>304</v>
      </c>
      <c r="C14" s="84">
        <v>4.6399999999999997</v>
      </c>
      <c r="D14" s="85">
        <v>0.13720000000000002</v>
      </c>
    </row>
    <row r="15" spans="1:4">
      <c r="A15" s="49" t="s">
        <v>440</v>
      </c>
      <c r="B15" s="49">
        <v>106</v>
      </c>
      <c r="C15" s="213">
        <v>4.6100000000000003</v>
      </c>
      <c r="D15" s="214">
        <v>0.27440000000000003</v>
      </c>
    </row>
    <row r="16" spans="1:4">
      <c r="A16" s="45" t="s">
        <v>441</v>
      </c>
      <c r="B16" s="53">
        <v>93</v>
      </c>
      <c r="C16" s="84">
        <v>4.84</v>
      </c>
      <c r="D16" s="85">
        <v>0.23519999999999999</v>
      </c>
    </row>
    <row r="17" spans="1:79">
      <c r="A17" s="49" t="s">
        <v>442</v>
      </c>
      <c r="B17" s="49">
        <v>81</v>
      </c>
      <c r="C17" s="213">
        <v>4.51</v>
      </c>
      <c r="D17" s="214">
        <v>0.25480000000000003</v>
      </c>
    </row>
    <row r="18" spans="1:79">
      <c r="A18" s="45" t="s">
        <v>446</v>
      </c>
      <c r="B18" s="211">
        <v>115</v>
      </c>
      <c r="C18" s="84">
        <v>4.6399999999999997</v>
      </c>
      <c r="D18" s="85">
        <v>0.21559999999999999</v>
      </c>
    </row>
    <row r="19" spans="1:79">
      <c r="A19" s="49" t="s">
        <v>447</v>
      </c>
      <c r="B19" s="212">
        <v>107</v>
      </c>
      <c r="C19" s="213">
        <v>4.53</v>
      </c>
      <c r="D19" s="214">
        <v>0.19600000000000001</v>
      </c>
    </row>
    <row r="20" spans="1:79" ht="25.5">
      <c r="A20" s="45" t="s">
        <v>448</v>
      </c>
      <c r="B20" s="83">
        <v>147</v>
      </c>
      <c r="C20" s="84">
        <v>4.3499999999999996</v>
      </c>
      <c r="D20" s="85">
        <v>0.21559999999999999</v>
      </c>
    </row>
    <row r="21" spans="1:79">
      <c r="A21" s="49" t="s">
        <v>449</v>
      </c>
      <c r="B21" s="212">
        <v>191</v>
      </c>
      <c r="C21" s="213">
        <v>4.57</v>
      </c>
      <c r="D21" s="214">
        <v>0.15679999999999999</v>
      </c>
    </row>
    <row r="22" spans="1:79">
      <c r="A22" s="57" t="s">
        <v>450</v>
      </c>
      <c r="B22" s="211">
        <v>130</v>
      </c>
      <c r="C22" s="84">
        <v>5.18</v>
      </c>
      <c r="D22" s="85">
        <v>0.21559999999999999</v>
      </c>
    </row>
    <row r="23" spans="1:79">
      <c r="A23" s="49" t="s">
        <v>443</v>
      </c>
      <c r="B23" s="212">
        <v>75</v>
      </c>
      <c r="C23" s="213">
        <v>5.54</v>
      </c>
      <c r="D23" s="214">
        <v>0.27440000000000003</v>
      </c>
    </row>
    <row r="24" spans="1:79">
      <c r="A24" s="57" t="s">
        <v>451</v>
      </c>
      <c r="B24" s="211">
        <v>148</v>
      </c>
      <c r="C24" s="84">
        <v>4.4000000000000004</v>
      </c>
      <c r="D24" s="85">
        <v>0.19600000000000001</v>
      </c>
    </row>
    <row r="25" spans="1:79">
      <c r="W25" s="256"/>
      <c r="X25" s="256"/>
      <c r="Y25" s="256"/>
      <c r="Z25" s="256"/>
      <c r="AA25" s="256"/>
      <c r="AB25" s="256"/>
      <c r="AC25" s="256"/>
      <c r="AD25" s="256"/>
      <c r="AE25" s="256"/>
      <c r="AF25" s="256"/>
      <c r="AG25" s="256"/>
      <c r="AH25" s="256"/>
      <c r="AI25" s="256"/>
      <c r="AJ25" s="256"/>
      <c r="AK25" s="256"/>
      <c r="AL25" s="256"/>
      <c r="AM25" s="256"/>
      <c r="AN25" s="256"/>
      <c r="AO25" s="256"/>
      <c r="AP25" s="256"/>
      <c r="AQ25" s="256"/>
      <c r="AR25" s="256"/>
      <c r="AS25" s="256"/>
      <c r="AT25" s="256"/>
      <c r="AU25" s="256"/>
      <c r="AV25" s="256"/>
      <c r="AW25" s="256"/>
      <c r="AX25" s="256"/>
      <c r="AY25" s="256"/>
      <c r="AZ25" s="256"/>
      <c r="BA25" s="256"/>
      <c r="BB25" s="256"/>
      <c r="BC25" s="256"/>
      <c r="BD25" s="256"/>
      <c r="BE25" s="256"/>
      <c r="BF25" s="256"/>
      <c r="BG25" s="256"/>
      <c r="BH25" s="256"/>
      <c r="BI25" s="256"/>
      <c r="BJ25" s="256"/>
      <c r="BK25" s="256"/>
      <c r="BL25" s="256"/>
      <c r="BM25" s="256"/>
      <c r="BN25" s="256"/>
      <c r="BO25" s="256"/>
      <c r="BP25" s="256"/>
      <c r="BQ25" s="256"/>
      <c r="BR25" s="256"/>
      <c r="BS25" s="256"/>
      <c r="BT25" s="256"/>
      <c r="BU25" s="256"/>
      <c r="BV25" s="256"/>
      <c r="BW25" s="256"/>
      <c r="BX25" s="256"/>
      <c r="BY25" s="256"/>
      <c r="BZ25" s="256"/>
      <c r="CA25" s="256"/>
    </row>
    <row r="26" spans="1:79">
      <c r="W26" s="256"/>
      <c r="X26" s="256"/>
      <c r="Y26" s="256"/>
      <c r="Z26" s="256"/>
      <c r="AA26" s="256"/>
      <c r="AB26" s="256"/>
      <c r="AC26" s="256"/>
      <c r="AD26" s="256"/>
      <c r="AE26" s="256"/>
      <c r="AF26" s="256"/>
      <c r="AG26" s="256"/>
      <c r="AH26" s="256"/>
      <c r="AI26" s="256"/>
      <c r="AJ26" s="256"/>
      <c r="AK26" s="256"/>
      <c r="AL26" s="256"/>
      <c r="AM26" s="256"/>
      <c r="AN26" s="256"/>
      <c r="AO26" s="256"/>
      <c r="AP26" s="256"/>
      <c r="AQ26" s="256"/>
      <c r="AR26" s="256"/>
      <c r="AS26" s="256"/>
      <c r="AT26" s="256"/>
      <c r="AU26" s="256"/>
      <c r="AV26" s="256"/>
      <c r="AW26" s="256"/>
      <c r="AX26" s="256"/>
      <c r="AY26" s="256"/>
      <c r="AZ26" s="256"/>
      <c r="BA26" s="256"/>
      <c r="BB26" s="256"/>
      <c r="BC26" s="256"/>
      <c r="BD26" s="256"/>
      <c r="BE26" s="256"/>
      <c r="BF26" s="256"/>
      <c r="BG26" s="256"/>
      <c r="BH26" s="256"/>
      <c r="BI26" s="256"/>
      <c r="BJ26" s="256"/>
      <c r="BK26" s="256"/>
      <c r="BL26" s="256"/>
      <c r="BM26" s="256"/>
      <c r="BN26" s="256"/>
      <c r="BO26" s="256"/>
      <c r="BP26" s="256"/>
      <c r="BQ26" s="256"/>
      <c r="BR26" s="256"/>
      <c r="BS26" s="256"/>
      <c r="BT26" s="256"/>
      <c r="BU26" s="256"/>
      <c r="BV26" s="256"/>
      <c r="BW26" s="256"/>
      <c r="BX26" s="256"/>
      <c r="BY26" s="256"/>
      <c r="BZ26" s="256"/>
      <c r="CA26" s="256"/>
    </row>
    <row r="27" spans="1:79">
      <c r="W27" s="256"/>
      <c r="X27" s="256"/>
      <c r="Y27" s="256"/>
      <c r="Z27" s="256"/>
      <c r="AA27" s="256"/>
      <c r="AB27" s="256"/>
      <c r="AC27" s="256"/>
      <c r="AD27" s="256"/>
      <c r="AE27" s="256"/>
      <c r="AF27" s="256"/>
      <c r="AG27" s="256"/>
      <c r="AH27" s="256"/>
      <c r="AI27" s="256"/>
      <c r="AJ27" s="256"/>
      <c r="AK27" s="256"/>
      <c r="AL27" s="256"/>
      <c r="AM27" s="256"/>
      <c r="AN27" s="256"/>
      <c r="AO27" s="256"/>
      <c r="AP27" s="256"/>
      <c r="AQ27" s="256"/>
      <c r="AR27" s="256"/>
      <c r="AS27" s="256"/>
      <c r="AT27" s="256"/>
      <c r="AU27" s="256"/>
      <c r="AV27" s="256"/>
      <c r="AW27" s="256"/>
      <c r="AX27" s="256"/>
      <c r="AY27" s="256"/>
      <c r="AZ27" s="256"/>
      <c r="BA27" s="256"/>
      <c r="BB27" s="256"/>
      <c r="BC27" s="256"/>
      <c r="BD27" s="256"/>
      <c r="BE27" s="256"/>
      <c r="BF27" s="256"/>
      <c r="BG27" s="256"/>
      <c r="BH27" s="256"/>
      <c r="BI27" s="256"/>
      <c r="BJ27" s="256"/>
      <c r="BK27" s="256"/>
      <c r="BL27" s="256"/>
      <c r="BM27" s="256"/>
      <c r="BN27" s="256"/>
      <c r="BO27" s="256"/>
      <c r="BP27" s="256"/>
      <c r="BQ27" s="256"/>
      <c r="BR27" s="256"/>
      <c r="BS27" s="256"/>
      <c r="BT27" s="256"/>
      <c r="BU27" s="256"/>
      <c r="BV27" s="256"/>
      <c r="BW27" s="256"/>
      <c r="BX27" s="256"/>
      <c r="BY27" s="256"/>
      <c r="BZ27" s="256"/>
      <c r="CA27" s="256"/>
    </row>
    <row r="28" spans="1:79">
      <c r="W28" s="256"/>
      <c r="X28" s="256"/>
      <c r="Y28" s="256"/>
      <c r="Z28" s="256"/>
      <c r="AA28" s="256"/>
      <c r="AB28" s="256"/>
      <c r="AC28" s="256"/>
      <c r="AD28" s="256"/>
      <c r="AE28" s="256"/>
      <c r="AF28" s="256"/>
      <c r="AG28" s="256"/>
      <c r="AH28" s="256"/>
      <c r="AI28" s="256"/>
      <c r="AJ28" s="256"/>
      <c r="AK28" s="256"/>
      <c r="AL28" s="256"/>
      <c r="AM28" s="256"/>
      <c r="AN28" s="256"/>
      <c r="AO28" s="256"/>
      <c r="AP28" s="256"/>
      <c r="AQ28" s="256"/>
      <c r="AR28" s="256"/>
      <c r="AS28" s="256"/>
      <c r="AT28" s="256"/>
      <c r="AU28" s="256"/>
      <c r="AV28" s="256"/>
      <c r="AW28" s="256"/>
      <c r="AX28" s="256"/>
      <c r="AY28" s="256"/>
      <c r="AZ28" s="256"/>
      <c r="BA28" s="256"/>
      <c r="BB28" s="256"/>
      <c r="BC28" s="256"/>
      <c r="BD28" s="256"/>
      <c r="BE28" s="256"/>
      <c r="BF28" s="256"/>
      <c r="BG28" s="256"/>
      <c r="BH28" s="256"/>
      <c r="BI28" s="256"/>
      <c r="BJ28" s="256"/>
      <c r="BK28" s="256"/>
      <c r="BL28" s="256"/>
      <c r="BM28" s="256"/>
      <c r="BN28" s="256"/>
      <c r="BO28" s="256"/>
      <c r="BP28" s="256"/>
      <c r="BQ28" s="256"/>
      <c r="BR28" s="256"/>
      <c r="BS28" s="256"/>
      <c r="BT28" s="256"/>
      <c r="BU28" s="256"/>
      <c r="BV28" s="256"/>
      <c r="BW28" s="256"/>
      <c r="BX28" s="256"/>
      <c r="BY28" s="256"/>
      <c r="BZ28" s="256"/>
      <c r="CA28" s="256"/>
    </row>
    <row r="29" spans="1:79">
      <c r="W29" s="256"/>
      <c r="X29" s="256"/>
      <c r="Y29" s="256"/>
      <c r="Z29" s="256"/>
      <c r="AA29" s="256"/>
      <c r="AB29" s="256"/>
      <c r="AC29" s="256"/>
      <c r="AD29" s="256"/>
      <c r="AE29" s="256"/>
      <c r="AF29" s="256"/>
      <c r="AG29" s="256"/>
      <c r="AH29" s="256"/>
      <c r="AI29" s="256"/>
      <c r="AJ29" s="256"/>
      <c r="AK29" s="256"/>
      <c r="AL29" s="256"/>
      <c r="AM29" s="256"/>
      <c r="AN29" s="256"/>
      <c r="AO29" s="256"/>
      <c r="AP29" s="256"/>
      <c r="AQ29" s="256"/>
      <c r="AR29" s="256"/>
      <c r="AS29" s="256"/>
      <c r="AT29" s="256"/>
      <c r="AU29" s="256"/>
      <c r="AV29" s="256"/>
      <c r="AW29" s="256"/>
      <c r="AX29" s="256"/>
      <c r="AY29" s="256"/>
      <c r="AZ29" s="256"/>
      <c r="BA29" s="256"/>
      <c r="BB29" s="256"/>
      <c r="BC29" s="256"/>
      <c r="BD29" s="256"/>
      <c r="BE29" s="256"/>
      <c r="BF29" s="256"/>
      <c r="BG29" s="256"/>
      <c r="BH29" s="256"/>
      <c r="BI29" s="256"/>
      <c r="BJ29" s="256"/>
      <c r="BK29" s="256"/>
      <c r="BL29" s="256"/>
      <c r="BM29" s="256"/>
      <c r="BN29" s="256"/>
      <c r="BO29" s="256"/>
      <c r="BP29" s="256"/>
      <c r="BQ29" s="256"/>
      <c r="BR29" s="256"/>
      <c r="BS29" s="256"/>
      <c r="BT29" s="256"/>
      <c r="BU29" s="256"/>
      <c r="BV29" s="256"/>
      <c r="BW29" s="256"/>
      <c r="BX29" s="256"/>
      <c r="BY29" s="256"/>
      <c r="BZ29" s="256"/>
      <c r="CA29" s="256"/>
    </row>
    <row r="30" spans="1:79">
      <c r="W30" s="256"/>
      <c r="X30" s="256"/>
      <c r="Y30" s="256"/>
      <c r="Z30" s="256"/>
      <c r="AA30" s="256"/>
      <c r="AB30" s="256"/>
      <c r="AC30" s="256"/>
      <c r="AD30" s="256"/>
      <c r="AE30" s="256"/>
      <c r="AF30" s="256"/>
      <c r="AG30" s="256"/>
      <c r="AH30" s="256"/>
      <c r="AI30" s="256"/>
      <c r="AJ30" s="256"/>
      <c r="AK30" s="256"/>
      <c r="AL30" s="256"/>
      <c r="AM30" s="256"/>
      <c r="AN30" s="256"/>
      <c r="AO30" s="256"/>
      <c r="AP30" s="256"/>
      <c r="AQ30" s="256"/>
      <c r="AR30" s="256"/>
      <c r="AS30" s="256"/>
      <c r="AT30" s="256"/>
      <c r="AU30" s="256"/>
      <c r="AV30" s="256"/>
      <c r="AW30" s="256"/>
      <c r="AX30" s="256"/>
      <c r="AY30" s="256"/>
      <c r="AZ30" s="256"/>
      <c r="BA30" s="256"/>
      <c r="BB30" s="256"/>
      <c r="BC30" s="256"/>
      <c r="BD30" s="256"/>
      <c r="BE30" s="256"/>
      <c r="BF30" s="256"/>
      <c r="BG30" s="256"/>
      <c r="BH30" s="256"/>
      <c r="BI30" s="256"/>
      <c r="BJ30" s="256"/>
      <c r="BK30" s="256"/>
      <c r="BL30" s="256"/>
      <c r="BM30" s="256"/>
      <c r="BN30" s="256"/>
      <c r="BO30" s="256"/>
      <c r="BP30" s="256"/>
      <c r="BQ30" s="256"/>
      <c r="BR30" s="256"/>
      <c r="BS30" s="256"/>
      <c r="BT30" s="256"/>
      <c r="BU30" s="256"/>
      <c r="BV30" s="256"/>
      <c r="BW30" s="256"/>
      <c r="BX30" s="256"/>
      <c r="BY30" s="256"/>
      <c r="BZ30" s="256"/>
      <c r="CA30" s="256"/>
    </row>
    <row r="31" spans="1:79">
      <c r="W31" s="256"/>
      <c r="X31" s="256"/>
      <c r="Y31" s="256"/>
      <c r="Z31" s="256"/>
      <c r="AA31" s="256"/>
      <c r="AB31" s="256"/>
      <c r="AC31" s="256"/>
      <c r="AD31" s="256"/>
      <c r="AE31" s="256"/>
      <c r="AF31" s="256"/>
      <c r="AG31" s="256"/>
      <c r="AH31" s="256"/>
      <c r="AI31" s="256"/>
      <c r="AJ31" s="256"/>
      <c r="AK31" s="256"/>
      <c r="AL31" s="256"/>
      <c r="AM31" s="256"/>
      <c r="AN31" s="256"/>
      <c r="AO31" s="256"/>
      <c r="AP31" s="256"/>
      <c r="AQ31" s="256"/>
      <c r="AR31" s="256"/>
      <c r="AS31" s="256"/>
      <c r="AT31" s="256"/>
      <c r="AU31" s="256"/>
      <c r="AV31" s="256"/>
      <c r="AW31" s="256"/>
      <c r="AX31" s="256"/>
      <c r="AY31" s="256"/>
      <c r="AZ31" s="256"/>
      <c r="BA31" s="256"/>
      <c r="BB31" s="256"/>
      <c r="BC31" s="256"/>
      <c r="BD31" s="256"/>
      <c r="BE31" s="256"/>
      <c r="BF31" s="256"/>
      <c r="BG31" s="256"/>
      <c r="BH31" s="256"/>
      <c r="BI31" s="256"/>
      <c r="BJ31" s="256"/>
      <c r="BK31" s="256"/>
      <c r="BL31" s="256"/>
      <c r="BM31" s="256"/>
      <c r="BN31" s="256"/>
      <c r="BO31" s="256"/>
      <c r="BP31" s="256"/>
      <c r="BQ31" s="256"/>
      <c r="BR31" s="256"/>
      <c r="BS31" s="256"/>
      <c r="BT31" s="256"/>
      <c r="BU31" s="256"/>
      <c r="BV31" s="256"/>
      <c r="BW31" s="256"/>
      <c r="BX31" s="256"/>
      <c r="BY31" s="256"/>
      <c r="BZ31" s="256"/>
      <c r="CA31" s="256"/>
    </row>
    <row r="32" spans="1:79" ht="18.75">
      <c r="A32" s="316" t="s">
        <v>55</v>
      </c>
      <c r="B32" s="316"/>
      <c r="C32" s="316"/>
      <c r="D32" s="316"/>
      <c r="E32" s="316"/>
      <c r="F32" s="316"/>
      <c r="G32" s="316"/>
      <c r="H32" s="316"/>
      <c r="I32" s="316"/>
      <c r="J32" s="316"/>
      <c r="K32" s="316"/>
      <c r="L32" s="316"/>
      <c r="M32" s="316"/>
      <c r="N32" s="316"/>
      <c r="O32" s="316"/>
      <c r="P32" s="316"/>
      <c r="Q32" s="316"/>
      <c r="R32" s="316"/>
      <c r="S32" s="316"/>
      <c r="T32" s="316"/>
      <c r="U32" s="316"/>
      <c r="V32" s="316"/>
      <c r="W32" s="316"/>
      <c r="X32" s="316"/>
      <c r="Y32" s="316"/>
      <c r="Z32" s="316"/>
      <c r="AA32" s="316"/>
      <c r="AB32" s="316"/>
      <c r="AC32" s="316"/>
      <c r="AD32" s="316"/>
      <c r="AE32" s="316"/>
      <c r="AF32" s="316"/>
      <c r="AG32" s="316"/>
      <c r="AH32" s="316"/>
      <c r="AI32" s="316"/>
      <c r="AJ32" s="316"/>
      <c r="AK32" s="316"/>
      <c r="AL32" s="226"/>
      <c r="AM32" s="226"/>
      <c r="AN32" s="226"/>
      <c r="AO32" s="226"/>
      <c r="AP32" s="226"/>
      <c r="AQ32" s="226"/>
      <c r="AR32" s="226"/>
      <c r="AS32" s="226"/>
      <c r="AT32" s="226"/>
      <c r="AU32" s="226"/>
      <c r="AV32" s="226"/>
      <c r="AW32" s="226"/>
      <c r="AX32" s="226"/>
      <c r="AY32" s="226"/>
      <c r="AZ32" s="226"/>
      <c r="BA32" s="226"/>
      <c r="BB32" s="226"/>
      <c r="BC32" s="226"/>
      <c r="BD32" s="226"/>
      <c r="BE32" s="226"/>
      <c r="BF32" s="226"/>
      <c r="BG32" s="226"/>
      <c r="BH32" s="226"/>
      <c r="BI32" s="226"/>
      <c r="BJ32" s="226"/>
      <c r="BK32" s="226"/>
      <c r="BL32" s="226"/>
      <c r="BM32" s="226"/>
      <c r="BN32" s="226"/>
      <c r="BO32" s="226"/>
      <c r="BP32" s="226"/>
      <c r="BQ32" s="226"/>
      <c r="BR32" s="226"/>
      <c r="BS32" s="226"/>
      <c r="BT32" s="226"/>
      <c r="BU32" s="226"/>
      <c r="BV32" s="226"/>
      <c r="BW32" s="226"/>
      <c r="BX32" s="226"/>
      <c r="BY32" s="226"/>
      <c r="BZ32" s="226"/>
      <c r="CA32" s="256"/>
    </row>
    <row r="33" spans="1:85" ht="55.5" customHeight="1">
      <c r="A33" s="385" t="s">
        <v>497</v>
      </c>
      <c r="B33" s="385"/>
      <c r="C33" s="385"/>
      <c r="D33" s="385"/>
      <c r="E33" s="385"/>
      <c r="F33" s="385"/>
      <c r="G33" s="385"/>
      <c r="H33" s="385"/>
      <c r="I33" s="385"/>
      <c r="J33" s="385"/>
      <c r="K33" s="385"/>
      <c r="L33" s="385"/>
      <c r="M33" s="385"/>
      <c r="N33" s="385"/>
      <c r="O33" s="385"/>
      <c r="P33" s="385"/>
      <c r="Q33" s="385"/>
      <c r="R33" s="385"/>
      <c r="S33" s="385"/>
      <c r="T33" s="385"/>
      <c r="U33" s="385"/>
      <c r="V33" s="385"/>
      <c r="W33" s="385"/>
      <c r="X33" s="385"/>
      <c r="Y33" s="385"/>
      <c r="Z33" s="385"/>
      <c r="AA33" s="385"/>
      <c r="AB33" s="385"/>
      <c r="AC33" s="385"/>
      <c r="AD33" s="385"/>
      <c r="AE33" s="385"/>
      <c r="AF33" s="385"/>
      <c r="AG33" s="385"/>
      <c r="AH33" s="385"/>
      <c r="AI33" s="385"/>
      <c r="AJ33" s="385"/>
      <c r="AK33" s="385"/>
      <c r="AL33" s="257"/>
      <c r="AM33" s="257"/>
      <c r="AN33" s="257"/>
      <c r="AO33" s="257"/>
      <c r="AP33" s="257"/>
      <c r="AQ33" s="257"/>
      <c r="AR33" s="257"/>
      <c r="AS33" s="257"/>
      <c r="AT33" s="257"/>
      <c r="AU33" s="257"/>
      <c r="AV33" s="257"/>
      <c r="AW33" s="257"/>
      <c r="AX33" s="257"/>
      <c r="AY33" s="257"/>
      <c r="AZ33" s="257"/>
      <c r="BA33" s="257"/>
      <c r="BB33" s="257"/>
      <c r="BC33" s="257"/>
      <c r="BD33" s="257"/>
      <c r="BE33" s="257"/>
      <c r="BF33" s="257"/>
      <c r="BG33" s="257"/>
      <c r="BH33" s="257"/>
      <c r="BI33" s="257"/>
      <c r="BJ33" s="257"/>
      <c r="BK33" s="257"/>
      <c r="BL33" s="257"/>
      <c r="BM33" s="257"/>
      <c r="BN33" s="257"/>
      <c r="BO33" s="257"/>
      <c r="BP33" s="257"/>
      <c r="BQ33" s="257"/>
      <c r="BR33" s="257"/>
      <c r="BS33" s="257"/>
      <c r="BT33" s="257"/>
      <c r="BU33" s="257"/>
      <c r="BV33" s="257"/>
      <c r="BW33" s="257"/>
      <c r="BX33" s="257"/>
      <c r="BY33" s="257"/>
      <c r="BZ33" s="257"/>
      <c r="CA33" s="256"/>
    </row>
    <row r="34" spans="1:85" ht="33.75" customHeight="1">
      <c r="A34" s="64"/>
      <c r="B34" s="376" t="s">
        <v>283</v>
      </c>
      <c r="C34" s="377"/>
      <c r="D34" s="377"/>
      <c r="E34" s="377"/>
      <c r="F34" s="377"/>
      <c r="G34" s="377"/>
      <c r="H34" s="377"/>
      <c r="I34" s="377"/>
      <c r="J34" s="378"/>
      <c r="K34" s="376" t="s">
        <v>284</v>
      </c>
      <c r="L34" s="377"/>
      <c r="M34" s="377"/>
      <c r="N34" s="377"/>
      <c r="O34" s="377"/>
      <c r="P34" s="377"/>
      <c r="Q34" s="377"/>
      <c r="R34" s="377"/>
      <c r="S34" s="378"/>
      <c r="T34" s="376" t="s">
        <v>373</v>
      </c>
      <c r="U34" s="377"/>
      <c r="V34" s="377"/>
      <c r="W34" s="377"/>
      <c r="X34" s="377"/>
      <c r="Y34" s="377"/>
      <c r="Z34" s="377"/>
      <c r="AA34" s="377"/>
      <c r="AB34" s="378"/>
      <c r="AC34" s="376" t="s">
        <v>425</v>
      </c>
      <c r="AD34" s="377"/>
      <c r="AE34" s="377"/>
      <c r="AF34" s="377"/>
      <c r="AG34" s="377"/>
      <c r="AH34" s="377"/>
      <c r="AI34" s="377"/>
      <c r="AJ34" s="377"/>
      <c r="AK34" s="378"/>
      <c r="AL34" s="256"/>
      <c r="AM34" s="256"/>
      <c r="AN34" s="256"/>
      <c r="AO34" s="256"/>
      <c r="AP34" s="256"/>
      <c r="AQ34" s="256"/>
      <c r="AR34" s="256"/>
      <c r="AS34" s="256"/>
      <c r="AT34" s="256"/>
      <c r="AU34" s="256"/>
      <c r="AV34" s="256"/>
      <c r="AW34" s="256"/>
      <c r="AX34" s="256"/>
      <c r="AY34" s="256"/>
      <c r="AZ34" s="256"/>
      <c r="BA34" s="256"/>
      <c r="BB34" s="256"/>
      <c r="BC34" s="256"/>
      <c r="BD34" s="256"/>
      <c r="BE34" s="256"/>
      <c r="BF34" s="256"/>
      <c r="BG34" s="256"/>
      <c r="BH34" s="256"/>
      <c r="BI34" s="256"/>
      <c r="BJ34" s="256"/>
      <c r="BK34" s="256"/>
      <c r="BL34" s="256"/>
      <c r="BM34" s="256"/>
      <c r="BN34" s="256"/>
      <c r="BO34" s="256"/>
      <c r="BP34" s="256"/>
      <c r="BQ34" s="256"/>
      <c r="BR34" s="256"/>
      <c r="BS34" s="256"/>
      <c r="BT34" s="256"/>
      <c r="BU34" s="256"/>
      <c r="BV34" s="256"/>
      <c r="BW34" s="256"/>
      <c r="BX34" s="256"/>
      <c r="BY34" s="256"/>
      <c r="BZ34" s="256"/>
      <c r="CA34" s="256"/>
      <c r="CB34" s="256"/>
      <c r="CC34" s="256"/>
      <c r="CD34" s="256"/>
      <c r="CE34" s="256"/>
      <c r="CF34" s="256"/>
      <c r="CG34" s="256"/>
    </row>
    <row r="35" spans="1:85" ht="72">
      <c r="A35" s="37" t="s">
        <v>85</v>
      </c>
      <c r="B35" s="38" t="s">
        <v>86</v>
      </c>
      <c r="C35" s="38" t="s">
        <v>257</v>
      </c>
      <c r="D35" s="89" t="s">
        <v>350</v>
      </c>
      <c r="E35" s="38" t="s">
        <v>351</v>
      </c>
      <c r="F35" s="89" t="s">
        <v>318</v>
      </c>
      <c r="G35" s="38" t="s">
        <v>352</v>
      </c>
      <c r="H35" s="89" t="s">
        <v>319</v>
      </c>
      <c r="I35" s="38" t="s">
        <v>356</v>
      </c>
      <c r="J35" s="89" t="s">
        <v>370</v>
      </c>
      <c r="K35" s="65" t="s">
        <v>86</v>
      </c>
      <c r="L35" s="65" t="s">
        <v>257</v>
      </c>
      <c r="M35" s="88" t="s">
        <v>350</v>
      </c>
      <c r="N35" s="65" t="s">
        <v>351</v>
      </c>
      <c r="O35" s="88" t="s">
        <v>318</v>
      </c>
      <c r="P35" s="65" t="s">
        <v>352</v>
      </c>
      <c r="Q35" s="88" t="s">
        <v>319</v>
      </c>
      <c r="R35" s="65" t="s">
        <v>356</v>
      </c>
      <c r="S35" s="88" t="s">
        <v>370</v>
      </c>
      <c r="T35" s="38" t="s">
        <v>86</v>
      </c>
      <c r="U35" s="38" t="s">
        <v>353</v>
      </c>
      <c r="V35" s="89" t="s">
        <v>321</v>
      </c>
      <c r="W35" s="38" t="s">
        <v>376</v>
      </c>
      <c r="X35" s="89" t="s">
        <v>392</v>
      </c>
      <c r="Y35" s="38" t="s">
        <v>375</v>
      </c>
      <c r="Z35" s="89" t="s">
        <v>374</v>
      </c>
      <c r="AA35" s="38" t="s">
        <v>356</v>
      </c>
      <c r="AB35" s="89" t="s">
        <v>370</v>
      </c>
      <c r="AC35" s="38" t="s">
        <v>86</v>
      </c>
      <c r="AD35" s="38" t="s">
        <v>426</v>
      </c>
      <c r="AE35" s="89" t="s">
        <v>427</v>
      </c>
      <c r="AF35" s="38" t="s">
        <v>422</v>
      </c>
      <c r="AG35" s="89" t="s">
        <v>424</v>
      </c>
      <c r="AH35" s="38" t="s">
        <v>428</v>
      </c>
      <c r="AI35" s="89" t="s">
        <v>429</v>
      </c>
      <c r="AJ35" s="38" t="s">
        <v>356</v>
      </c>
      <c r="AK35" s="89" t="s">
        <v>370</v>
      </c>
      <c r="AL35" s="256"/>
      <c r="AM35" s="256"/>
      <c r="AN35" s="256"/>
      <c r="AO35" s="256"/>
      <c r="AP35" s="256"/>
      <c r="AQ35" s="256"/>
      <c r="AR35" s="256"/>
      <c r="AS35" s="256"/>
      <c r="AT35" s="256"/>
      <c r="AU35" s="256"/>
      <c r="AV35" s="256"/>
      <c r="AW35" s="256"/>
      <c r="AX35" s="256"/>
      <c r="AY35" s="256"/>
      <c r="AZ35" s="256"/>
      <c r="BA35" s="256"/>
      <c r="BB35" s="256"/>
      <c r="BC35" s="256"/>
      <c r="BD35" s="256"/>
      <c r="BE35" s="256"/>
      <c r="BF35" s="256"/>
      <c r="BG35" s="256"/>
      <c r="BH35" s="256"/>
      <c r="BI35" s="256"/>
      <c r="BJ35" s="256"/>
      <c r="BK35" s="256"/>
      <c r="BL35" s="256"/>
      <c r="BM35" s="256"/>
      <c r="BN35" s="256"/>
      <c r="BO35" s="256"/>
      <c r="BP35" s="256"/>
      <c r="BQ35" s="256"/>
      <c r="BR35" s="256"/>
      <c r="BS35" s="256"/>
      <c r="BT35" s="256"/>
      <c r="BU35" s="256"/>
      <c r="BV35" s="256"/>
      <c r="BW35" s="256"/>
      <c r="BX35" s="256"/>
      <c r="BY35" s="256"/>
      <c r="BZ35" s="256"/>
      <c r="CA35" s="256"/>
      <c r="CB35" s="256"/>
      <c r="CC35" s="256"/>
      <c r="CD35" s="256"/>
      <c r="CE35" s="256"/>
      <c r="CF35" s="256"/>
      <c r="CG35" s="256"/>
    </row>
    <row r="36" spans="1:85" ht="60">
      <c r="A36" s="41"/>
      <c r="B36" s="42" t="s">
        <v>89</v>
      </c>
      <c r="C36" s="42" t="s">
        <v>181</v>
      </c>
      <c r="D36" s="91" t="s">
        <v>104</v>
      </c>
      <c r="E36" s="42" t="s">
        <v>182</v>
      </c>
      <c r="F36" s="91" t="s">
        <v>104</v>
      </c>
      <c r="G36" s="42" t="s">
        <v>183</v>
      </c>
      <c r="H36" s="91" t="s">
        <v>104</v>
      </c>
      <c r="I36" s="42" t="s">
        <v>356</v>
      </c>
      <c r="J36" s="91" t="s">
        <v>104</v>
      </c>
      <c r="K36" s="68" t="s">
        <v>89</v>
      </c>
      <c r="L36" s="68" t="s">
        <v>181</v>
      </c>
      <c r="M36" s="90" t="s">
        <v>104</v>
      </c>
      <c r="N36" s="68" t="s">
        <v>182</v>
      </c>
      <c r="O36" s="90" t="s">
        <v>104</v>
      </c>
      <c r="P36" s="68" t="s">
        <v>183</v>
      </c>
      <c r="Q36" s="90" t="s">
        <v>104</v>
      </c>
      <c r="R36" s="68" t="s">
        <v>356</v>
      </c>
      <c r="S36" s="90" t="s">
        <v>104</v>
      </c>
      <c r="T36" s="42" t="s">
        <v>89</v>
      </c>
      <c r="U36" s="42" t="s">
        <v>183</v>
      </c>
      <c r="V36" s="91" t="s">
        <v>104</v>
      </c>
      <c r="W36" s="42" t="s">
        <v>182</v>
      </c>
      <c r="X36" s="91" t="s">
        <v>104</v>
      </c>
      <c r="Y36" s="42" t="s">
        <v>181</v>
      </c>
      <c r="Z36" s="91" t="s">
        <v>104</v>
      </c>
      <c r="AA36" s="42" t="s">
        <v>356</v>
      </c>
      <c r="AB36" s="91" t="s">
        <v>104</v>
      </c>
      <c r="AC36" s="42" t="s">
        <v>89</v>
      </c>
      <c r="AD36" s="42" t="s">
        <v>421</v>
      </c>
      <c r="AE36" s="91" t="s">
        <v>104</v>
      </c>
      <c r="AF36" s="42" t="s">
        <v>423</v>
      </c>
      <c r="AG36" s="91" t="s">
        <v>104</v>
      </c>
      <c r="AH36" s="42" t="s">
        <v>181</v>
      </c>
      <c r="AI36" s="91" t="s">
        <v>104</v>
      </c>
      <c r="AJ36" s="42" t="s">
        <v>356</v>
      </c>
      <c r="AK36" s="91" t="s">
        <v>104</v>
      </c>
    </row>
    <row r="37" spans="1:85">
      <c r="A37" s="45" t="s">
        <v>435</v>
      </c>
      <c r="B37" s="211">
        <v>10987</v>
      </c>
      <c r="C37" s="215">
        <v>0.14499999999999999</v>
      </c>
      <c r="D37" s="94">
        <v>6.7195320495849918E-3</v>
      </c>
      <c r="E37" s="215">
        <v>0.17499999999999999</v>
      </c>
      <c r="F37" s="94">
        <v>7.2505837198073879E-3</v>
      </c>
      <c r="G37" s="215">
        <v>0.58299999999999996</v>
      </c>
      <c r="H37" s="94">
        <v>9.4062858935187836E-3</v>
      </c>
      <c r="I37" s="215">
        <v>9.7000000000000003E-2</v>
      </c>
      <c r="J37" s="94">
        <v>5.6498113137452479E-3</v>
      </c>
      <c r="K37" s="211">
        <v>10973</v>
      </c>
      <c r="L37" s="215">
        <v>9.4E-2</v>
      </c>
      <c r="M37" s="94">
        <v>5.574709286512893E-3</v>
      </c>
      <c r="N37" s="215">
        <v>0.17399999999999999</v>
      </c>
      <c r="O37" s="94">
        <v>7.2388533801420046E-3</v>
      </c>
      <c r="P37" s="215">
        <v>0.68300000000000005</v>
      </c>
      <c r="Q37" s="94">
        <v>8.8828559436392226E-3</v>
      </c>
      <c r="R37" s="215">
        <v>4.8000000000000001E-2</v>
      </c>
      <c r="S37" s="94">
        <v>4.0872719165296447E-3</v>
      </c>
      <c r="T37" s="211">
        <v>10981</v>
      </c>
      <c r="U37" s="215">
        <v>0.315</v>
      </c>
      <c r="V37" s="94">
        <v>8.8645277740618655E-3</v>
      </c>
      <c r="W37" s="215">
        <v>0.25700000000000001</v>
      </c>
      <c r="X37" s="94">
        <v>8.3394963339389408E-3</v>
      </c>
      <c r="Y37" s="215">
        <v>0.33099999999999996</v>
      </c>
      <c r="Z37" s="94">
        <v>8.9800222557315443E-3</v>
      </c>
      <c r="AA37" s="215">
        <v>9.6000000000000002E-2</v>
      </c>
      <c r="AB37" s="94">
        <v>5.6253164334750284E-3</v>
      </c>
      <c r="AC37" s="211">
        <v>10981</v>
      </c>
      <c r="AD37" s="215">
        <v>0.13900000000000001</v>
      </c>
      <c r="AE37" s="94">
        <v>6.6040605169667152E-3</v>
      </c>
      <c r="AF37" s="215">
        <v>0.433</v>
      </c>
      <c r="AG37" s="94">
        <v>9.4551480529282261E-3</v>
      </c>
      <c r="AH37" s="215">
        <v>0.33099999999999996</v>
      </c>
      <c r="AI37" s="94">
        <v>8.9800222557315443E-3</v>
      </c>
      <c r="AJ37" s="215">
        <v>9.6000000000000002E-2</v>
      </c>
      <c r="AK37" s="94">
        <v>5.6253164334750284E-3</v>
      </c>
    </row>
    <row r="38" spans="1:85">
      <c r="A38" s="49" t="s">
        <v>436</v>
      </c>
      <c r="B38" s="212">
        <v>8842</v>
      </c>
      <c r="C38" s="216">
        <v>0.158</v>
      </c>
      <c r="D38" s="97">
        <v>7.7591413800206155E-3</v>
      </c>
      <c r="E38" s="216">
        <v>0.16500000000000001</v>
      </c>
      <c r="F38" s="97">
        <v>7.8958993714297859E-3</v>
      </c>
      <c r="G38" s="216">
        <v>0.60299999999999998</v>
      </c>
      <c r="H38" s="97">
        <v>1.0404450260556355E-2</v>
      </c>
      <c r="I38" s="216">
        <v>7.4999999999999997E-2</v>
      </c>
      <c r="J38" s="97">
        <v>5.6074912643168575E-3</v>
      </c>
      <c r="K38" s="212">
        <v>8827</v>
      </c>
      <c r="L38" s="216">
        <v>0.10199999999999999</v>
      </c>
      <c r="M38" s="97">
        <v>6.4461908050648499E-3</v>
      </c>
      <c r="N38" s="216">
        <v>0.17100000000000001</v>
      </c>
      <c r="O38" s="97">
        <v>8.0158667611005298E-3</v>
      </c>
      <c r="P38" s="216">
        <v>0.68400000000000005</v>
      </c>
      <c r="Q38" s="97">
        <v>9.8952654435714073E-3</v>
      </c>
      <c r="R38" s="216">
        <v>4.2000000000000003E-2</v>
      </c>
      <c r="S38" s="97">
        <v>4.2791286444487106E-3</v>
      </c>
      <c r="T38" s="212">
        <v>8833</v>
      </c>
      <c r="U38" s="216">
        <v>0.29600000000000004</v>
      </c>
      <c r="V38" s="97">
        <v>9.7129018349856946E-3</v>
      </c>
      <c r="W38" s="216">
        <v>0.26300000000000001</v>
      </c>
      <c r="X38" s="97">
        <v>9.3679838122847064E-3</v>
      </c>
      <c r="Y38" s="216">
        <v>0.36299999999999999</v>
      </c>
      <c r="Z38" s="97">
        <v>1.0230963824209079E-2</v>
      </c>
      <c r="AA38" s="216">
        <v>7.6999999999999999E-2</v>
      </c>
      <c r="AB38" s="97">
        <v>5.6782958731589834E-3</v>
      </c>
      <c r="AC38" s="212">
        <v>8833</v>
      </c>
      <c r="AD38" s="216">
        <v>0.13900000000000001</v>
      </c>
      <c r="AE38" s="97">
        <v>7.3637739859551731E-3</v>
      </c>
      <c r="AF38" s="216">
        <v>0.42000000000000004</v>
      </c>
      <c r="AG38" s="97">
        <v>1.0500775498720836E-2</v>
      </c>
      <c r="AH38" s="216">
        <v>0.36299999999999999</v>
      </c>
      <c r="AI38" s="97">
        <v>1.0230963824209079E-2</v>
      </c>
      <c r="AJ38" s="216">
        <v>7.6999999999999999E-2</v>
      </c>
      <c r="AK38" s="97">
        <v>5.6782958731589834E-3</v>
      </c>
    </row>
    <row r="39" spans="1:85">
      <c r="A39" s="45" t="s">
        <v>437</v>
      </c>
      <c r="B39" s="211">
        <v>1984</v>
      </c>
      <c r="C39" s="215">
        <v>0.10879999999999999</v>
      </c>
      <c r="D39" s="94">
        <v>1.401190821998686E-2</v>
      </c>
      <c r="E39" s="215">
        <v>0.19539999999999999</v>
      </c>
      <c r="F39" s="94">
        <v>1.7806913698721335E-2</v>
      </c>
      <c r="G39" s="215">
        <v>0.57989999999999997</v>
      </c>
      <c r="H39" s="94">
        <v>2.2141017515266453E-2</v>
      </c>
      <c r="I39" s="215">
        <v>0.11600000000000001</v>
      </c>
      <c r="J39" s="94">
        <v>1.4405508904591561E-2</v>
      </c>
      <c r="K39" s="211">
        <v>1981</v>
      </c>
      <c r="L39" s="215">
        <v>7.3099999999999998E-2</v>
      </c>
      <c r="M39" s="94">
        <v>1.1747994782939288E-2</v>
      </c>
      <c r="N39" s="215">
        <v>0.16159999999999999</v>
      </c>
      <c r="O39" s="94">
        <v>1.6551362367851055E-2</v>
      </c>
      <c r="P39" s="215">
        <v>0.70489999999999997</v>
      </c>
      <c r="Q39" s="94">
        <v>2.048210004751546E-2</v>
      </c>
      <c r="R39" s="215">
        <v>6.0499999999999998E-2</v>
      </c>
      <c r="S39" s="94">
        <v>1.0775234711713703E-2</v>
      </c>
      <c r="T39" s="211">
        <v>1984</v>
      </c>
      <c r="U39" s="215">
        <v>0.31230000000000002</v>
      </c>
      <c r="V39" s="94">
        <v>2.0794594909042025E-2</v>
      </c>
      <c r="W39" s="215">
        <v>0.24210000000000001</v>
      </c>
      <c r="X39" s="94">
        <v>1.9228320845557947E-2</v>
      </c>
      <c r="Y39" s="215">
        <v>0.32650000000000001</v>
      </c>
      <c r="Z39" s="94">
        <v>2.1040287308778854E-2</v>
      </c>
      <c r="AA39" s="215">
        <v>0.1191</v>
      </c>
      <c r="AB39" s="94">
        <v>1.4569506269332963E-2</v>
      </c>
      <c r="AC39" s="211">
        <v>1984</v>
      </c>
      <c r="AD39" s="215">
        <v>0.1326</v>
      </c>
      <c r="AE39" s="94">
        <v>1.5248437840105598E-2</v>
      </c>
      <c r="AF39" s="215">
        <v>0.42180000000000001</v>
      </c>
      <c r="AG39" s="94">
        <v>2.2153177363820935E-2</v>
      </c>
      <c r="AH39" s="215">
        <v>0.32650000000000001</v>
      </c>
      <c r="AI39" s="94">
        <v>2.1040287308778854E-2</v>
      </c>
      <c r="AJ39" s="215">
        <v>0.1191</v>
      </c>
      <c r="AK39" s="94">
        <v>1.4569506269332963E-2</v>
      </c>
    </row>
    <row r="40" spans="1:85">
      <c r="A40" s="49" t="s">
        <v>438</v>
      </c>
      <c r="B40" s="212">
        <v>1259</v>
      </c>
      <c r="C40" s="216">
        <v>0.13700000000000001</v>
      </c>
      <c r="D40" s="97">
        <v>1.9418654632644802E-2</v>
      </c>
      <c r="E40" s="216">
        <v>0.216</v>
      </c>
      <c r="F40" s="97">
        <v>2.3193500891044848E-2</v>
      </c>
      <c r="G40" s="216">
        <v>0.59</v>
      </c>
      <c r="H40" s="97">
        <v>2.7681666568897981E-2</v>
      </c>
      <c r="I40" s="216">
        <v>5.7000000000000002E-2</v>
      </c>
      <c r="J40" s="97">
        <v>1.3197098613823809E-2</v>
      </c>
      <c r="K40" s="212">
        <v>1255</v>
      </c>
      <c r="L40" s="216">
        <v>9.6000000000000002E-2</v>
      </c>
      <c r="M40" s="97">
        <v>1.6703694202053969E-2</v>
      </c>
      <c r="N40" s="216">
        <v>0.17499999999999999</v>
      </c>
      <c r="O40" s="97">
        <v>2.1466866902009427E-2</v>
      </c>
      <c r="P40" s="216">
        <v>0.68899999999999995</v>
      </c>
      <c r="Q40" s="97">
        <v>2.6105767613449064E-2</v>
      </c>
      <c r="R40" s="216">
        <v>4.1000000000000002E-2</v>
      </c>
      <c r="S40" s="97">
        <v>1.1365205177841019E-2</v>
      </c>
      <c r="T40" s="212">
        <v>1257</v>
      </c>
      <c r="U40" s="216">
        <v>0.311</v>
      </c>
      <c r="V40" s="97">
        <v>2.6085035145994737E-2</v>
      </c>
      <c r="W40" s="216">
        <v>0.27</v>
      </c>
      <c r="X40" s="97">
        <v>2.5025606196515424E-2</v>
      </c>
      <c r="Y40" s="216">
        <v>0.33899999999999997</v>
      </c>
      <c r="Z40" s="97">
        <v>2.6670556668381373E-2</v>
      </c>
      <c r="AA40" s="216">
        <v>8.1000000000000003E-2</v>
      </c>
      <c r="AB40" s="97">
        <v>1.5480772401941529E-2</v>
      </c>
      <c r="AC40" s="212">
        <v>1257</v>
      </c>
      <c r="AD40" s="216">
        <v>0.13200000000000001</v>
      </c>
      <c r="AE40" s="97">
        <v>1.9135461050782301E-2</v>
      </c>
      <c r="AF40" s="216">
        <v>0.44900000000000001</v>
      </c>
      <c r="AG40" s="97">
        <v>2.8014693947640775E-2</v>
      </c>
      <c r="AH40" s="216">
        <v>0.33899999999999997</v>
      </c>
      <c r="AI40" s="97">
        <v>2.6670556668381373E-2</v>
      </c>
      <c r="AJ40" s="216">
        <v>8.1000000000000003E-2</v>
      </c>
      <c r="AK40" s="97">
        <v>1.5480772401941529E-2</v>
      </c>
    </row>
    <row r="41" spans="1:85">
      <c r="A41" s="45" t="s">
        <v>439</v>
      </c>
      <c r="B41" s="211">
        <v>900</v>
      </c>
      <c r="C41" s="215">
        <v>0.153</v>
      </c>
      <c r="D41" s="94">
        <v>2.4044042270177302E-2</v>
      </c>
      <c r="E41" s="215">
        <v>0.19400000000000001</v>
      </c>
      <c r="F41" s="94">
        <v>2.6372988653758703E-2</v>
      </c>
      <c r="G41" s="215">
        <v>0.61399999999999999</v>
      </c>
      <c r="H41" s="94">
        <v>3.2391326436896552E-2</v>
      </c>
      <c r="I41" s="215">
        <v>3.7999999999999999E-2</v>
      </c>
      <c r="J41" s="94">
        <v>1.3041917784544867E-2</v>
      </c>
      <c r="K41" s="211">
        <v>896</v>
      </c>
      <c r="L41" s="215">
        <v>0.111</v>
      </c>
      <c r="M41" s="94">
        <v>2.1084073662761077E-2</v>
      </c>
      <c r="N41" s="215">
        <v>0.17199999999999999</v>
      </c>
      <c r="O41" s="94">
        <v>2.5242836352885267E-2</v>
      </c>
      <c r="P41" s="215">
        <v>0.68500000000000005</v>
      </c>
      <c r="Q41" s="94">
        <v>3.0989499739452215E-2</v>
      </c>
      <c r="R41" s="215">
        <v>3.1E-2</v>
      </c>
      <c r="S41" s="94">
        <v>1.1923806994644867E-2</v>
      </c>
      <c r="T41" s="211">
        <v>898</v>
      </c>
      <c r="U41" s="215">
        <v>0.27200000000000002</v>
      </c>
      <c r="V41" s="94">
        <v>2.9667487122768947E-2</v>
      </c>
      <c r="W41" s="215">
        <v>0.28499999999999998</v>
      </c>
      <c r="X41" s="94">
        <v>3.0091071580260531E-2</v>
      </c>
      <c r="Y41" s="215">
        <v>0.38200000000000001</v>
      </c>
      <c r="Z41" s="94">
        <v>3.2364280537227896E-2</v>
      </c>
      <c r="AA41" s="215">
        <v>6.3E-2</v>
      </c>
      <c r="AB41" s="94">
        <v>1.6409529279752064E-2</v>
      </c>
      <c r="AC41" s="211">
        <v>898</v>
      </c>
      <c r="AD41" s="215">
        <v>0.14699999999999999</v>
      </c>
      <c r="AE41" s="94">
        <v>2.3684336614111189E-2</v>
      </c>
      <c r="AF41" s="215">
        <v>0.41</v>
      </c>
      <c r="AG41" s="94">
        <v>3.2757367855803382E-2</v>
      </c>
      <c r="AH41" s="215">
        <v>0.38200000000000001</v>
      </c>
      <c r="AI41" s="94">
        <v>3.2364280537227896E-2</v>
      </c>
      <c r="AJ41" s="215">
        <v>6.3E-2</v>
      </c>
      <c r="AK41" s="94">
        <v>1.6409529279752064E-2</v>
      </c>
    </row>
    <row r="42" spans="1:85">
      <c r="A42" s="49" t="s">
        <v>444</v>
      </c>
      <c r="B42" s="212">
        <v>102</v>
      </c>
      <c r="C42" s="216">
        <v>0.113</v>
      </c>
      <c r="D42" s="97">
        <v>6.4813535318212656E-2</v>
      </c>
      <c r="E42" s="216">
        <v>0.214</v>
      </c>
      <c r="F42" s="97">
        <v>8.1091796570138222E-2</v>
      </c>
      <c r="G42" s="216">
        <v>0.63400000000000001</v>
      </c>
      <c r="H42" s="97">
        <v>9.3843225460820981E-2</v>
      </c>
      <c r="I42" s="216">
        <v>0.04</v>
      </c>
      <c r="J42" s="97">
        <v>4.516990738376038E-2</v>
      </c>
      <c r="K42" s="212">
        <v>102</v>
      </c>
      <c r="L42" s="216">
        <v>7.0000000000000007E-2</v>
      </c>
      <c r="M42" s="97">
        <v>5.4527618217421164E-2</v>
      </c>
      <c r="N42" s="216">
        <v>0.161</v>
      </c>
      <c r="O42" s="97">
        <v>7.3610047552859006E-2</v>
      </c>
      <c r="P42" s="216">
        <v>0.68100000000000005</v>
      </c>
      <c r="Q42" s="97">
        <v>9.1045266954886322E-2</v>
      </c>
      <c r="R42" s="216">
        <v>8.7999999999999995E-2</v>
      </c>
      <c r="S42" s="97">
        <v>5.9184761372280792E-2</v>
      </c>
      <c r="T42" s="212">
        <v>102</v>
      </c>
      <c r="U42" s="216">
        <v>0.34599999999999997</v>
      </c>
      <c r="V42" s="97">
        <v>9.2764688170953749E-2</v>
      </c>
      <c r="W42" s="216">
        <v>0.21299999999999999</v>
      </c>
      <c r="X42" s="97">
        <v>8.0968252645202313E-2</v>
      </c>
      <c r="Y42" s="216">
        <v>0.30299999999999999</v>
      </c>
      <c r="Z42" s="97">
        <v>8.9877215476329222E-2</v>
      </c>
      <c r="AA42" s="216">
        <v>0.13800000000000001</v>
      </c>
      <c r="AB42" s="97">
        <v>6.9678373596785664E-2</v>
      </c>
      <c r="AC42" s="212">
        <v>102</v>
      </c>
      <c r="AD42" s="216">
        <v>0.11899999999999999</v>
      </c>
      <c r="AE42" s="97">
        <v>6.604396441155054E-2</v>
      </c>
      <c r="AF42" s="216">
        <v>0.44</v>
      </c>
      <c r="AG42" s="97">
        <v>9.6478870838403383E-2</v>
      </c>
      <c r="AH42" s="216">
        <v>0.30299999999999999</v>
      </c>
      <c r="AI42" s="97">
        <v>8.9877215476329222E-2</v>
      </c>
      <c r="AJ42" s="216">
        <v>0.13800000000000001</v>
      </c>
      <c r="AK42" s="97">
        <v>6.9678373596785664E-2</v>
      </c>
    </row>
    <row r="43" spans="1:85">
      <c r="A43" s="45" t="s">
        <v>445</v>
      </c>
      <c r="B43" s="211">
        <v>306</v>
      </c>
      <c r="C43" s="215">
        <v>0.19</v>
      </c>
      <c r="D43" s="94">
        <v>4.4917702523615342E-2</v>
      </c>
      <c r="E43" s="215">
        <v>0.183</v>
      </c>
      <c r="F43" s="94">
        <v>4.4299207562608113E-2</v>
      </c>
      <c r="G43" s="215">
        <v>0.58599999999999997</v>
      </c>
      <c r="H43" s="94">
        <v>5.5971609523694732E-2</v>
      </c>
      <c r="I43" s="215">
        <v>4.1000000000000002E-2</v>
      </c>
      <c r="J43" s="94">
        <v>2.4021724595164492E-2</v>
      </c>
      <c r="K43" s="211">
        <v>304</v>
      </c>
      <c r="L43" s="215">
        <v>0.105</v>
      </c>
      <c r="M43" s="94">
        <v>3.5675536715453766E-2</v>
      </c>
      <c r="N43" s="215">
        <v>0.16300000000000001</v>
      </c>
      <c r="O43" s="94">
        <v>4.2542826294670232E-2</v>
      </c>
      <c r="P43" s="215">
        <v>0.69599999999999995</v>
      </c>
      <c r="Q43" s="94">
        <v>5.2542541680741003E-2</v>
      </c>
      <c r="R43" s="215">
        <v>3.5999999999999997E-2</v>
      </c>
      <c r="S43" s="94">
        <v>2.2866010484895546E-2</v>
      </c>
      <c r="T43" s="211">
        <v>307</v>
      </c>
      <c r="U43" s="215">
        <v>0.27800000000000002</v>
      </c>
      <c r="V43" s="94">
        <v>5.0968195474612565E-2</v>
      </c>
      <c r="W43" s="215">
        <v>0.26700000000000002</v>
      </c>
      <c r="X43" s="94">
        <v>5.0349073552431928E-2</v>
      </c>
      <c r="Y43" s="215">
        <v>0.38300000000000001</v>
      </c>
      <c r="Z43" s="94">
        <v>5.5171275452391831E-2</v>
      </c>
      <c r="AA43" s="215">
        <v>7.0999999999999994E-2</v>
      </c>
      <c r="AB43" s="94">
        <v>3.014706264840717E-2</v>
      </c>
      <c r="AC43" s="211">
        <v>307</v>
      </c>
      <c r="AD43" s="215">
        <v>0.13100000000000001</v>
      </c>
      <c r="AE43" s="94">
        <v>3.884489884517324E-2</v>
      </c>
      <c r="AF43" s="215">
        <v>0.41400000000000003</v>
      </c>
      <c r="AG43" s="94">
        <v>5.5881480843829608E-2</v>
      </c>
      <c r="AH43" s="215">
        <v>0.38300000000000001</v>
      </c>
      <c r="AI43" s="94">
        <v>5.5171275452391831E-2</v>
      </c>
      <c r="AJ43" s="215">
        <v>7.0999999999999994E-2</v>
      </c>
      <c r="AK43" s="94">
        <v>3.014706264840717E-2</v>
      </c>
    </row>
    <row r="44" spans="1:85">
      <c r="A44" s="49" t="s">
        <v>440</v>
      </c>
      <c r="B44" s="212">
        <v>105</v>
      </c>
      <c r="C44" s="216">
        <v>0.33</v>
      </c>
      <c r="D44" s="97">
        <v>9.0499567971910666E-2</v>
      </c>
      <c r="E44" s="216">
        <v>0.16800000000000001</v>
      </c>
      <c r="F44" s="97">
        <v>7.3626231246342128E-2</v>
      </c>
      <c r="G44" s="216">
        <v>0.46200000000000002</v>
      </c>
      <c r="H44" s="97">
        <v>9.5525593291650501E-2</v>
      </c>
      <c r="I44" s="216">
        <v>3.9E-2</v>
      </c>
      <c r="J44" s="97">
        <v>4.4014456374722739E-2</v>
      </c>
      <c r="K44" s="212">
        <v>105</v>
      </c>
      <c r="L44" s="216">
        <v>0.158</v>
      </c>
      <c r="M44" s="97">
        <v>7.2050695645686696E-2</v>
      </c>
      <c r="N44" s="216">
        <v>0.153</v>
      </c>
      <c r="O44" s="97">
        <v>7.1231939141868372E-2</v>
      </c>
      <c r="P44" s="216">
        <v>0.63600000000000001</v>
      </c>
      <c r="Q44" s="97">
        <v>9.2436260458564456E-2</v>
      </c>
      <c r="R44" s="216">
        <v>5.1999999999999998E-2</v>
      </c>
      <c r="S44" s="97">
        <v>4.8370239975335551E-2</v>
      </c>
      <c r="T44" s="212">
        <v>106</v>
      </c>
      <c r="U44" s="216">
        <v>0.27</v>
      </c>
      <c r="V44" s="97">
        <v>8.5467127612486635E-2</v>
      </c>
      <c r="W44" s="216">
        <v>0.216</v>
      </c>
      <c r="X44" s="97">
        <v>7.9795930255554773E-2</v>
      </c>
      <c r="Y44" s="216">
        <v>0.45299999999999996</v>
      </c>
      <c r="Z44" s="97">
        <v>9.4954292076617583E-2</v>
      </c>
      <c r="AA44" s="216">
        <v>0.06</v>
      </c>
      <c r="AB44" s="97">
        <v>5.0533157431532021E-2</v>
      </c>
      <c r="AC44" s="212">
        <v>106</v>
      </c>
      <c r="AD44" s="216">
        <v>0.129</v>
      </c>
      <c r="AE44" s="97">
        <v>6.6657128082955E-2</v>
      </c>
      <c r="AF44" s="216">
        <v>0.35699999999999998</v>
      </c>
      <c r="AG44" s="97">
        <v>9.165372779206428E-2</v>
      </c>
      <c r="AH44" s="216">
        <v>0.45299999999999996</v>
      </c>
      <c r="AI44" s="97">
        <v>9.4954292076617583E-2</v>
      </c>
      <c r="AJ44" s="216">
        <v>0.06</v>
      </c>
      <c r="AK44" s="97">
        <v>5.0533157431532021E-2</v>
      </c>
    </row>
    <row r="45" spans="1:85">
      <c r="A45" s="45" t="s">
        <v>441</v>
      </c>
      <c r="B45" s="211">
        <v>96</v>
      </c>
      <c r="C45" s="215">
        <v>5.7000000000000002E-2</v>
      </c>
      <c r="D45" s="94">
        <v>5.2587801475247095E-2</v>
      </c>
      <c r="E45" s="215">
        <v>9.9000000000000005E-2</v>
      </c>
      <c r="F45" s="94">
        <v>6.3814041840334804E-2</v>
      </c>
      <c r="G45" s="215">
        <v>0.78900000000000003</v>
      </c>
      <c r="H45" s="94">
        <v>8.3193039708860259E-2</v>
      </c>
      <c r="I45" s="215">
        <v>5.5E-2</v>
      </c>
      <c r="J45" s="94">
        <v>5.1961585811058537E-2</v>
      </c>
      <c r="K45" s="211">
        <v>96</v>
      </c>
      <c r="L45" s="215">
        <v>3.5000000000000003E-2</v>
      </c>
      <c r="M45" s="94">
        <v>4.5045328281632047E-2</v>
      </c>
      <c r="N45" s="215">
        <v>0.11</v>
      </c>
      <c r="O45" s="94">
        <v>6.6279601688604015E-2</v>
      </c>
      <c r="P45" s="215">
        <v>0.80100000000000005</v>
      </c>
      <c r="Q45" s="94">
        <v>8.1609342210313157E-2</v>
      </c>
      <c r="R45" s="215">
        <v>5.5E-2</v>
      </c>
      <c r="S45" s="94">
        <v>5.1961585811058537E-2</v>
      </c>
      <c r="T45" s="211">
        <v>96</v>
      </c>
      <c r="U45" s="215">
        <v>0.24199999999999999</v>
      </c>
      <c r="V45" s="94">
        <v>8.6868778649178663E-2</v>
      </c>
      <c r="W45" s="215">
        <v>0.27900000000000003</v>
      </c>
      <c r="X45" s="94">
        <v>9.0551230670819702E-2</v>
      </c>
      <c r="Y45" s="215">
        <v>0.379</v>
      </c>
      <c r="Z45" s="94">
        <v>9.726394077971548E-2</v>
      </c>
      <c r="AA45" s="215">
        <v>0.1</v>
      </c>
      <c r="AB45" s="94">
        <v>6.4044984190801402E-2</v>
      </c>
      <c r="AC45" s="211">
        <v>96</v>
      </c>
      <c r="AD45" s="215">
        <v>0.106</v>
      </c>
      <c r="AE45" s="94">
        <v>6.5401682669484887E-2</v>
      </c>
      <c r="AF45" s="215">
        <v>0.41500000000000004</v>
      </c>
      <c r="AG45" s="94">
        <v>9.8659300625941998E-2</v>
      </c>
      <c r="AH45" s="215">
        <v>0.379</v>
      </c>
      <c r="AI45" s="94">
        <v>9.726394077971548E-2</v>
      </c>
      <c r="AJ45" s="215">
        <v>0.1</v>
      </c>
      <c r="AK45" s="94">
        <v>6.4044984190801402E-2</v>
      </c>
    </row>
    <row r="46" spans="1:85">
      <c r="A46" s="49" t="s">
        <v>442</v>
      </c>
      <c r="B46" s="212">
        <v>81</v>
      </c>
      <c r="C46" s="216">
        <v>0.182</v>
      </c>
      <c r="D46" s="97">
        <v>8.6274421407105797E-2</v>
      </c>
      <c r="E46" s="216">
        <v>0.24199999999999999</v>
      </c>
      <c r="F46" s="97">
        <v>9.4446608357559803E-2</v>
      </c>
      <c r="G46" s="216">
        <v>0.53500000000000003</v>
      </c>
      <c r="H46" s="97">
        <v>0.10822364236967358</v>
      </c>
      <c r="I46" s="216">
        <v>4.1000000000000002E-2</v>
      </c>
      <c r="J46" s="97">
        <v>5.2549691889173425E-2</v>
      </c>
      <c r="K46" s="212">
        <v>80</v>
      </c>
      <c r="L46" s="216">
        <v>0.127</v>
      </c>
      <c r="M46" s="97">
        <v>7.6782282086804488E-2</v>
      </c>
      <c r="N46" s="216">
        <v>0.17599999999999999</v>
      </c>
      <c r="O46" s="97">
        <v>8.5852496280480362E-2</v>
      </c>
      <c r="P46" s="216">
        <v>0.68500000000000005</v>
      </c>
      <c r="Q46" s="97">
        <v>0.1021103315746008</v>
      </c>
      <c r="R46" s="216">
        <v>1.2E-2</v>
      </c>
      <c r="S46" s="97">
        <v>4.0235243897954846E-2</v>
      </c>
      <c r="T46" s="212">
        <v>81</v>
      </c>
      <c r="U46" s="216">
        <v>0.33999999999999997</v>
      </c>
      <c r="V46" s="97">
        <v>0.1032991588652466</v>
      </c>
      <c r="W46" s="216">
        <v>0.32600000000000001</v>
      </c>
      <c r="X46" s="97">
        <v>0.10232737743838384</v>
      </c>
      <c r="Y46" s="216">
        <v>0.27500000000000002</v>
      </c>
      <c r="Z46" s="97">
        <v>9.7986216354969E-2</v>
      </c>
      <c r="AA46" s="216">
        <v>5.8999999999999997E-2</v>
      </c>
      <c r="AB46" s="97">
        <v>5.8768702975477573E-2</v>
      </c>
      <c r="AC46" s="212">
        <v>81</v>
      </c>
      <c r="AD46" s="216">
        <v>0.158</v>
      </c>
      <c r="AE46" s="97">
        <v>8.2257946041418881E-2</v>
      </c>
      <c r="AF46" s="216">
        <v>0.50800000000000001</v>
      </c>
      <c r="AG46" s="97">
        <v>0.1084526205686277</v>
      </c>
      <c r="AH46" s="216">
        <v>0.27500000000000002</v>
      </c>
      <c r="AI46" s="97">
        <v>9.7986216354969E-2</v>
      </c>
      <c r="AJ46" s="216">
        <v>5.8999999999999997E-2</v>
      </c>
      <c r="AK46" s="97">
        <v>5.8768702975477573E-2</v>
      </c>
    </row>
    <row r="47" spans="1:85">
      <c r="A47" s="45" t="s">
        <v>446</v>
      </c>
      <c r="B47" s="211">
        <v>116</v>
      </c>
      <c r="C47" s="215">
        <v>0.125</v>
      </c>
      <c r="D47" s="94">
        <v>6.2873881699796463E-2</v>
      </c>
      <c r="E47" s="215">
        <v>0.22700000000000001</v>
      </c>
      <c r="F47" s="94">
        <v>7.7536397904468077E-2</v>
      </c>
      <c r="G47" s="215">
        <v>0.61899999999999999</v>
      </c>
      <c r="H47" s="94">
        <v>8.8838304843166654E-2</v>
      </c>
      <c r="I47" s="215">
        <v>2.8000000000000001E-2</v>
      </c>
      <c r="J47" s="94">
        <v>3.7336634774659275E-2</v>
      </c>
      <c r="K47" s="211">
        <v>116</v>
      </c>
      <c r="L47" s="215">
        <v>6.2E-2</v>
      </c>
      <c r="M47" s="94">
        <v>4.8556647330720848E-2</v>
      </c>
      <c r="N47" s="215">
        <v>0.22900000000000001</v>
      </c>
      <c r="O47" s="94">
        <v>7.7754628062805267E-2</v>
      </c>
      <c r="P47" s="215">
        <v>0.69</v>
      </c>
      <c r="Q47" s="94">
        <v>8.4905154055482324E-2</v>
      </c>
      <c r="R47" s="215">
        <v>1.9E-2</v>
      </c>
      <c r="S47" s="94">
        <v>3.3568834201229414E-2</v>
      </c>
      <c r="T47" s="211">
        <v>115</v>
      </c>
      <c r="U47" s="215">
        <v>0.31899999999999995</v>
      </c>
      <c r="V47" s="94">
        <v>8.5877459051907343E-2</v>
      </c>
      <c r="W47" s="215">
        <v>0.251</v>
      </c>
      <c r="X47" s="94">
        <v>8.0355738846138267E-2</v>
      </c>
      <c r="Y47" s="215">
        <v>0.36899999999999999</v>
      </c>
      <c r="Z47" s="94">
        <v>8.8682853132396072E-2</v>
      </c>
      <c r="AA47" s="215">
        <v>0.06</v>
      </c>
      <c r="AB47" s="94">
        <v>4.8227884969271911E-2</v>
      </c>
      <c r="AC47" s="211">
        <v>115</v>
      </c>
      <c r="AD47" s="215">
        <v>0.14099999999999999</v>
      </c>
      <c r="AE47" s="94">
        <v>6.6011878468312774E-2</v>
      </c>
      <c r="AF47" s="215">
        <v>0.42899999999999999</v>
      </c>
      <c r="AG47" s="94">
        <v>9.0802620017976676E-2</v>
      </c>
      <c r="AH47" s="215">
        <v>0.36899999999999999</v>
      </c>
      <c r="AI47" s="94">
        <v>8.8682853132396072E-2</v>
      </c>
      <c r="AJ47" s="215">
        <v>0.06</v>
      </c>
      <c r="AK47" s="94">
        <v>4.8227884969271911E-2</v>
      </c>
    </row>
    <row r="48" spans="1:85">
      <c r="A48" s="49" t="s">
        <v>447</v>
      </c>
      <c r="B48" s="212">
        <v>106</v>
      </c>
      <c r="C48" s="216">
        <v>0.111</v>
      </c>
      <c r="D48" s="97">
        <v>6.3097059361551328E-2</v>
      </c>
      <c r="E48" s="216">
        <v>0.156</v>
      </c>
      <c r="F48" s="97">
        <v>7.1379594025713908E-2</v>
      </c>
      <c r="G48" s="216">
        <v>0.65900000000000003</v>
      </c>
      <c r="H48" s="97">
        <v>9.0759259735017583E-2</v>
      </c>
      <c r="I48" s="216">
        <v>7.3999999999999996E-2</v>
      </c>
      <c r="J48" s="97">
        <v>5.4433374214719589E-2</v>
      </c>
      <c r="K48" s="212">
        <v>107</v>
      </c>
      <c r="L48" s="216">
        <v>0.129</v>
      </c>
      <c r="M48" s="97">
        <v>6.6332585998254007E-2</v>
      </c>
      <c r="N48" s="216">
        <v>0.218</v>
      </c>
      <c r="O48" s="97">
        <v>7.9662393474219814E-2</v>
      </c>
      <c r="P48" s="216">
        <v>0.64</v>
      </c>
      <c r="Q48" s="97">
        <v>9.1393054742945679E-2</v>
      </c>
      <c r="R48" s="216">
        <v>1.2999999999999999E-2</v>
      </c>
      <c r="S48" s="97">
        <v>3.266884047108215E-2</v>
      </c>
      <c r="T48" s="212">
        <v>108</v>
      </c>
      <c r="U48" s="216">
        <v>0.36299999999999999</v>
      </c>
      <c r="V48" s="97">
        <v>9.1133282066535162E-2</v>
      </c>
      <c r="W48" s="216">
        <v>0.26</v>
      </c>
      <c r="X48" s="97">
        <v>8.3760034862894114E-2</v>
      </c>
      <c r="Y48" s="216">
        <v>0.31</v>
      </c>
      <c r="Z48" s="97">
        <v>8.791890043634451E-2</v>
      </c>
      <c r="AA48" s="216">
        <v>6.6000000000000003E-2</v>
      </c>
      <c r="AB48" s="97">
        <v>5.1705812743139158E-2</v>
      </c>
      <c r="AC48" s="212">
        <v>108</v>
      </c>
      <c r="AD48" s="216">
        <v>0.13200000000000001</v>
      </c>
      <c r="AE48" s="97">
        <v>6.6568012525124939E-2</v>
      </c>
      <c r="AF48" s="216">
        <v>0.49099999999999999</v>
      </c>
      <c r="AG48" s="97">
        <v>9.4476883491216135E-2</v>
      </c>
      <c r="AH48" s="216">
        <v>0.31</v>
      </c>
      <c r="AI48" s="97">
        <v>8.791890043634451E-2</v>
      </c>
      <c r="AJ48" s="216">
        <v>6.6000000000000003E-2</v>
      </c>
      <c r="AK48" s="97">
        <v>5.1705812743139158E-2</v>
      </c>
    </row>
    <row r="49" spans="1:37" ht="25.5">
      <c r="A49" s="45" t="s">
        <v>448</v>
      </c>
      <c r="B49" s="211">
        <v>148</v>
      </c>
      <c r="C49" s="215">
        <v>0.222</v>
      </c>
      <c r="D49" s="94">
        <v>6.819670816483453E-2</v>
      </c>
      <c r="E49" s="215">
        <v>0.25</v>
      </c>
      <c r="F49" s="94">
        <v>7.0849393849454406E-2</v>
      </c>
      <c r="G49" s="215">
        <v>0.48799999999999999</v>
      </c>
      <c r="H49" s="94">
        <v>8.1088560946849755E-2</v>
      </c>
      <c r="I49" s="215">
        <v>0.04</v>
      </c>
      <c r="J49" s="94">
        <v>3.6051974436455983E-2</v>
      </c>
      <c r="K49" s="211">
        <v>148</v>
      </c>
      <c r="L49" s="215">
        <v>0.19400000000000001</v>
      </c>
      <c r="M49" s="94">
        <v>6.5136974230214431E-2</v>
      </c>
      <c r="N49" s="215">
        <v>0.17100000000000001</v>
      </c>
      <c r="O49" s="94">
        <v>6.227716815629606E-2</v>
      </c>
      <c r="P49" s="215">
        <v>0.623</v>
      </c>
      <c r="Q49" s="94">
        <v>7.8749567419209618E-2</v>
      </c>
      <c r="R49" s="215">
        <v>1.2999999999999999E-2</v>
      </c>
      <c r="S49" s="94">
        <v>2.5725951717618281E-2</v>
      </c>
      <c r="T49" s="211">
        <v>147</v>
      </c>
      <c r="U49" s="215">
        <v>0.312</v>
      </c>
      <c r="V49" s="94">
        <v>7.5731090675429394E-2</v>
      </c>
      <c r="W49" s="215">
        <v>0.36199999999999999</v>
      </c>
      <c r="X49" s="94">
        <v>7.8386306078350093E-2</v>
      </c>
      <c r="Y49" s="215">
        <v>0.24399999999999999</v>
      </c>
      <c r="Z49" s="94">
        <v>7.0549427096364054E-2</v>
      </c>
      <c r="AA49" s="215">
        <v>8.2000000000000003E-2</v>
      </c>
      <c r="AB49" s="94">
        <v>4.7286723759209004E-2</v>
      </c>
      <c r="AC49" s="211">
        <v>147</v>
      </c>
      <c r="AD49" s="215">
        <v>0.17899999999999999</v>
      </c>
      <c r="AE49" s="94">
        <v>6.3526772689603397E-2</v>
      </c>
      <c r="AF49" s="215">
        <v>0.495</v>
      </c>
      <c r="AG49" s="94">
        <v>8.1374989561280864E-2</v>
      </c>
      <c r="AH49" s="215">
        <v>0.24399999999999999</v>
      </c>
      <c r="AI49" s="94">
        <v>7.0549427096364054E-2</v>
      </c>
      <c r="AJ49" s="215">
        <v>8.2000000000000003E-2</v>
      </c>
      <c r="AK49" s="94">
        <v>4.7286723759209004E-2</v>
      </c>
    </row>
    <row r="50" spans="1:37">
      <c r="A50" s="49" t="s">
        <v>449</v>
      </c>
      <c r="B50" s="212">
        <v>195</v>
      </c>
      <c r="C50" s="216">
        <v>0.13</v>
      </c>
      <c r="D50" s="97">
        <v>4.8814736602954538E-2</v>
      </c>
      <c r="E50" s="216">
        <v>0.29499999999999998</v>
      </c>
      <c r="F50" s="97">
        <v>6.4915479314355554E-2</v>
      </c>
      <c r="G50" s="216">
        <v>0.47599999999999998</v>
      </c>
      <c r="H50" s="97">
        <v>7.080966391438609E-2</v>
      </c>
      <c r="I50" s="216">
        <v>9.9000000000000005E-2</v>
      </c>
      <c r="J50" s="97">
        <v>4.3835781568275521E-2</v>
      </c>
      <c r="K50" s="212">
        <v>195</v>
      </c>
      <c r="L50" s="216">
        <v>7.9000000000000001E-2</v>
      </c>
      <c r="M50" s="97">
        <v>4.0053395420597465E-2</v>
      </c>
      <c r="N50" s="216">
        <v>0.20200000000000001</v>
      </c>
      <c r="O50" s="97">
        <v>5.7542665936333517E-2</v>
      </c>
      <c r="P50" s="216">
        <v>0.68400000000000005</v>
      </c>
      <c r="Q50" s="97">
        <v>6.6118724703177756E-2</v>
      </c>
      <c r="R50" s="216">
        <v>3.4000000000000002E-2</v>
      </c>
      <c r="S50" s="97">
        <v>2.8877196882592639E-2</v>
      </c>
      <c r="T50" s="212">
        <v>195</v>
      </c>
      <c r="U50" s="216">
        <v>0.33300000000000002</v>
      </c>
      <c r="V50" s="97">
        <v>6.6983969856270725E-2</v>
      </c>
      <c r="W50" s="216">
        <v>0.26400000000000001</v>
      </c>
      <c r="X50" s="97">
        <v>6.285030989154404E-2</v>
      </c>
      <c r="Y50" s="216">
        <v>0.32</v>
      </c>
      <c r="Z50" s="97">
        <v>6.633089307832897E-2</v>
      </c>
      <c r="AA50" s="216">
        <v>8.3000000000000004E-2</v>
      </c>
      <c r="AB50" s="97">
        <v>4.0853028932599247E-2</v>
      </c>
      <c r="AC50" s="212">
        <v>195</v>
      </c>
      <c r="AD50" s="216">
        <v>0.11</v>
      </c>
      <c r="AE50" s="97">
        <v>4.571115779708447E-2</v>
      </c>
      <c r="AF50" s="216">
        <v>0.48699999999999999</v>
      </c>
      <c r="AG50" s="97">
        <v>7.0865110124373631E-2</v>
      </c>
      <c r="AH50" s="216">
        <v>0.32</v>
      </c>
      <c r="AI50" s="97">
        <v>6.633089307832897E-2</v>
      </c>
      <c r="AJ50" s="216">
        <v>8.3000000000000004E-2</v>
      </c>
      <c r="AK50" s="97">
        <v>4.0853028932599247E-2</v>
      </c>
    </row>
    <row r="51" spans="1:37">
      <c r="A51" s="57" t="s">
        <v>450</v>
      </c>
      <c r="B51" s="211">
        <v>135</v>
      </c>
      <c r="C51" s="215">
        <v>2.9000000000000001E-2</v>
      </c>
      <c r="D51" s="94">
        <v>3.4241258966406625E-2</v>
      </c>
      <c r="E51" s="215">
        <v>0.122</v>
      </c>
      <c r="F51" s="94">
        <v>5.7582275264971242E-2</v>
      </c>
      <c r="G51" s="215">
        <v>0.80400000000000005</v>
      </c>
      <c r="H51" s="94">
        <v>6.845181584138503E-2</v>
      </c>
      <c r="I51" s="215">
        <v>4.4999999999999998E-2</v>
      </c>
      <c r="J51" s="94">
        <v>3.9681707549138474E-2</v>
      </c>
      <c r="K51" s="211">
        <v>132</v>
      </c>
      <c r="L51" s="215">
        <v>1.7999999999999999E-2</v>
      </c>
      <c r="M51" s="94">
        <v>3.0264104795615414E-2</v>
      </c>
      <c r="N51" s="215">
        <v>9.9000000000000005E-2</v>
      </c>
      <c r="O51" s="94">
        <v>5.3829464144230121E-2</v>
      </c>
      <c r="P51" s="215">
        <v>0.83199999999999996</v>
      </c>
      <c r="Q51" s="94">
        <v>6.5566404423058333E-2</v>
      </c>
      <c r="R51" s="215">
        <v>5.0999999999999997E-2</v>
      </c>
      <c r="S51" s="94">
        <v>4.2037618665492181E-2</v>
      </c>
      <c r="T51" s="211">
        <v>133</v>
      </c>
      <c r="U51" s="215">
        <v>0.20700000000000002</v>
      </c>
      <c r="V51" s="94">
        <v>7.0263507497015584E-2</v>
      </c>
      <c r="W51" s="215">
        <v>0.27700000000000002</v>
      </c>
      <c r="X51" s="94">
        <v>7.7012178533735418E-2</v>
      </c>
      <c r="Y51" s="215">
        <v>0.438</v>
      </c>
      <c r="Z51" s="94">
        <v>8.4814471678759148E-2</v>
      </c>
      <c r="AA51" s="215">
        <v>7.9000000000000001E-2</v>
      </c>
      <c r="AB51" s="94">
        <v>4.9215078951472445E-2</v>
      </c>
      <c r="AC51" s="211">
        <v>133</v>
      </c>
      <c r="AD51" s="215">
        <v>0.1</v>
      </c>
      <c r="AE51" s="94">
        <v>5.3819560814288299E-2</v>
      </c>
      <c r="AF51" s="215">
        <v>0.38400000000000001</v>
      </c>
      <c r="AG51" s="94">
        <v>8.3240620522501155E-2</v>
      </c>
      <c r="AH51" s="215">
        <v>0.438</v>
      </c>
      <c r="AI51" s="94">
        <v>8.4814471678759148E-2</v>
      </c>
      <c r="AJ51" s="215">
        <v>7.9000000000000001E-2</v>
      </c>
      <c r="AK51" s="94">
        <v>4.9215078951472445E-2</v>
      </c>
    </row>
    <row r="52" spans="1:37">
      <c r="A52" s="49" t="s">
        <v>443</v>
      </c>
      <c r="B52" s="212">
        <v>76</v>
      </c>
      <c r="C52" s="216">
        <v>0.02</v>
      </c>
      <c r="D52" s="97">
        <v>4.5860658521220558E-2</v>
      </c>
      <c r="E52" s="216">
        <v>7.9000000000000001E-2</v>
      </c>
      <c r="F52" s="97">
        <v>6.7096943857376995E-2</v>
      </c>
      <c r="G52" s="216">
        <v>0.88800000000000001</v>
      </c>
      <c r="H52" s="97">
        <v>7.554271639278004E-2</v>
      </c>
      <c r="I52" s="216">
        <v>1.2999999999999999E-2</v>
      </c>
      <c r="J52" s="97">
        <v>4.2399868808759303E-2</v>
      </c>
      <c r="K52" s="212">
        <v>73</v>
      </c>
      <c r="L52" s="216">
        <v>2.1000000000000001E-2</v>
      </c>
      <c r="M52" s="97">
        <v>4.7688304247318188E-2</v>
      </c>
      <c r="N52" s="216">
        <v>1.4E-2</v>
      </c>
      <c r="O52" s="97">
        <v>4.4258065876568019E-2</v>
      </c>
      <c r="P52" s="216">
        <v>0.92500000000000004</v>
      </c>
      <c r="Q52" s="97">
        <v>6.7479212430817323E-2</v>
      </c>
      <c r="R52" s="216">
        <v>0.04</v>
      </c>
      <c r="S52" s="97">
        <v>5.5742167024359059E-2</v>
      </c>
      <c r="T52" s="212">
        <v>74</v>
      </c>
      <c r="U52" s="216">
        <v>0.17099999999999999</v>
      </c>
      <c r="V52" s="97">
        <v>8.8455691809572121E-2</v>
      </c>
      <c r="W52" s="216">
        <v>0.16200000000000001</v>
      </c>
      <c r="X52" s="97">
        <v>8.6875356893238914E-2</v>
      </c>
      <c r="Y52" s="216">
        <v>0.621</v>
      </c>
      <c r="Z52" s="97">
        <v>0.11020310792062105</v>
      </c>
      <c r="AA52" s="216">
        <v>4.4999999999999998E-2</v>
      </c>
      <c r="AB52" s="97">
        <v>5.713855803933815E-2</v>
      </c>
      <c r="AC52" s="212">
        <v>74</v>
      </c>
      <c r="AD52" s="216">
        <v>0.105</v>
      </c>
      <c r="AE52" s="97">
        <v>7.4958874860233934E-2</v>
      </c>
      <c r="AF52" s="216">
        <v>0.22800000000000001</v>
      </c>
      <c r="AG52" s="97">
        <v>9.6982561433166595E-2</v>
      </c>
      <c r="AH52" s="216">
        <v>0.621</v>
      </c>
      <c r="AI52" s="97">
        <v>0.11020310792062105</v>
      </c>
      <c r="AJ52" s="216">
        <v>4.4999999999999998E-2</v>
      </c>
      <c r="AK52" s="97">
        <v>5.713855803933815E-2</v>
      </c>
    </row>
    <row r="53" spans="1:37">
      <c r="A53" s="57" t="s">
        <v>451</v>
      </c>
      <c r="B53" s="211">
        <v>151</v>
      </c>
      <c r="C53" s="215">
        <v>0.152</v>
      </c>
      <c r="D53" s="94">
        <v>5.9038724753415449E-2</v>
      </c>
      <c r="E53" s="215">
        <v>0.216</v>
      </c>
      <c r="F53" s="94">
        <v>6.6904491504318139E-2</v>
      </c>
      <c r="G53" s="215">
        <v>0.57699999999999996</v>
      </c>
      <c r="H53" s="94">
        <v>7.9412855764263782E-2</v>
      </c>
      <c r="I53" s="215">
        <v>5.3999999999999999E-2</v>
      </c>
      <c r="J53" s="94">
        <v>3.9746993258980845E-2</v>
      </c>
      <c r="K53" s="211">
        <v>150</v>
      </c>
      <c r="L53" s="215">
        <v>0.13400000000000001</v>
      </c>
      <c r="M53" s="94">
        <v>5.6502472036017062E-2</v>
      </c>
      <c r="N53" s="215">
        <v>0.18</v>
      </c>
      <c r="O53" s="94">
        <v>6.3009048279703633E-2</v>
      </c>
      <c r="P53" s="215">
        <v>0.63600000000000001</v>
      </c>
      <c r="Q53" s="94">
        <v>7.7702789206312295E-2</v>
      </c>
      <c r="R53" s="215">
        <v>0.05</v>
      </c>
      <c r="S53" s="94">
        <v>3.8774360215394647E-2</v>
      </c>
      <c r="T53" s="211">
        <v>151</v>
      </c>
      <c r="U53" s="215">
        <v>0.36</v>
      </c>
      <c r="V53" s="94">
        <v>7.7275971282403724E-2</v>
      </c>
      <c r="W53" s="215">
        <v>0.27100000000000002</v>
      </c>
      <c r="X53" s="94">
        <v>7.1883545242756697E-2</v>
      </c>
      <c r="Y53" s="215">
        <v>0.32299999999999995</v>
      </c>
      <c r="Z53" s="94">
        <v>7.5394380962658658E-2</v>
      </c>
      <c r="AA53" s="215">
        <v>4.5999999999999999E-2</v>
      </c>
      <c r="AB53" s="94">
        <v>3.7463092369058912E-2</v>
      </c>
      <c r="AC53" s="211">
        <v>151</v>
      </c>
      <c r="AD53" s="215">
        <v>0.16700000000000001</v>
      </c>
      <c r="AE53" s="94">
        <v>6.1120811967230529E-2</v>
      </c>
      <c r="AF53" s="215">
        <v>0.46400000000000002</v>
      </c>
      <c r="AG53" s="94">
        <v>8.0124101681304224E-2</v>
      </c>
      <c r="AH53" s="215">
        <v>0.32299999999999995</v>
      </c>
      <c r="AI53" s="94">
        <v>7.5394380962658658E-2</v>
      </c>
      <c r="AJ53" s="215">
        <v>4.5999999999999999E-2</v>
      </c>
      <c r="AK53" s="94">
        <v>3.7463092369058912E-2</v>
      </c>
    </row>
  </sheetData>
  <mergeCells count="9">
    <mergeCell ref="A3:D3"/>
    <mergeCell ref="AC34:AK34"/>
    <mergeCell ref="A32:AK32"/>
    <mergeCell ref="A33:AK33"/>
    <mergeCell ref="T34:AB34"/>
    <mergeCell ref="A4:D4"/>
    <mergeCell ref="A5:D5"/>
    <mergeCell ref="B34:J34"/>
    <mergeCell ref="K34:S34"/>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N16"/>
  <sheetViews>
    <sheetView workbookViewId="0">
      <selection activeCell="A2" sqref="A2"/>
    </sheetView>
  </sheetViews>
  <sheetFormatPr defaultColWidth="8.85546875" defaultRowHeight="15"/>
  <cols>
    <col min="1" max="1" width="140" style="7" customWidth="1"/>
    <col min="2" max="9" width="8.85546875" style="21"/>
    <col min="10" max="10" width="19.42578125" style="21" customWidth="1"/>
    <col min="11" max="12" width="8.85546875" style="21"/>
    <col min="13" max="13" width="9.140625" style="21" customWidth="1"/>
    <col min="14" max="16384" width="8.85546875" style="21"/>
  </cols>
  <sheetData>
    <row r="1" spans="1:14" s="10" customFormat="1" ht="23.25">
      <c r="A1" s="234" t="s">
        <v>473</v>
      </c>
      <c r="F1" s="306"/>
      <c r="G1" s="306"/>
      <c r="H1" s="306"/>
      <c r="I1" s="306"/>
      <c r="J1" s="306"/>
      <c r="K1" s="306"/>
      <c r="L1" s="306"/>
      <c r="M1" s="306"/>
      <c r="N1" s="306"/>
    </row>
    <row r="2" spans="1:14" ht="21">
      <c r="A2" s="223"/>
      <c r="B2" s="13"/>
      <c r="C2" s="13"/>
      <c r="D2" s="13"/>
      <c r="E2" s="13"/>
      <c r="F2" s="307"/>
      <c r="G2" s="307"/>
      <c r="H2" s="307"/>
      <c r="I2" s="307"/>
      <c r="J2" s="307"/>
      <c r="K2" s="307"/>
      <c r="L2" s="307"/>
      <c r="M2" s="307"/>
      <c r="N2" s="307"/>
    </row>
    <row r="3" spans="1:14" s="12" customFormat="1" ht="21">
      <c r="A3" s="235" t="s">
        <v>172</v>
      </c>
      <c r="B3" s="11"/>
      <c r="C3" s="11"/>
      <c r="D3" s="11"/>
      <c r="E3" s="11"/>
      <c r="F3" s="20"/>
      <c r="G3" s="20"/>
      <c r="H3" s="20"/>
      <c r="I3" s="20"/>
      <c r="J3" s="20"/>
      <c r="K3" s="20"/>
      <c r="L3" s="20"/>
      <c r="M3" s="20"/>
      <c r="N3" s="20"/>
    </row>
    <row r="4" spans="1:14" s="12" customFormat="1" ht="31.5">
      <c r="A4" s="236" t="s">
        <v>467</v>
      </c>
      <c r="B4" s="11"/>
      <c r="C4" s="11"/>
      <c r="D4" s="11"/>
      <c r="E4" s="11"/>
      <c r="F4" s="20"/>
      <c r="G4" s="20"/>
      <c r="H4" s="20"/>
      <c r="I4" s="20"/>
      <c r="J4" s="20"/>
      <c r="K4" s="20"/>
      <c r="L4" s="20"/>
      <c r="M4" s="20"/>
      <c r="N4" s="20"/>
    </row>
    <row r="5" spans="1:14" ht="18.75" customHeight="1">
      <c r="A5" s="223"/>
      <c r="B5" s="13"/>
      <c r="C5" s="13"/>
      <c r="D5" s="13"/>
      <c r="E5" s="13"/>
      <c r="F5" s="20"/>
      <c r="G5" s="20"/>
      <c r="H5" s="20"/>
      <c r="I5" s="20"/>
      <c r="J5" s="20"/>
      <c r="K5" s="20"/>
      <c r="L5" s="20"/>
      <c r="M5" s="20"/>
      <c r="N5" s="20"/>
    </row>
    <row r="6" spans="1:14">
      <c r="A6" s="237" t="s">
        <v>173</v>
      </c>
      <c r="B6" s="13"/>
      <c r="C6" s="13"/>
      <c r="D6" s="13"/>
      <c r="E6" s="13"/>
    </row>
    <row r="7" spans="1:14" ht="51" customHeight="1">
      <c r="A7" s="238" t="s">
        <v>246</v>
      </c>
      <c r="B7" s="13"/>
      <c r="C7" s="13"/>
      <c r="D7" s="13"/>
      <c r="E7" s="13"/>
      <c r="F7" s="13"/>
      <c r="G7" s="13"/>
    </row>
    <row r="8" spans="1:14">
      <c r="A8" s="217"/>
      <c r="B8" s="13"/>
      <c r="C8" s="13"/>
      <c r="D8" s="13"/>
      <c r="E8" s="13"/>
      <c r="F8" s="13"/>
      <c r="G8" s="13"/>
    </row>
    <row r="9" spans="1:14">
      <c r="A9" s="235" t="s">
        <v>174</v>
      </c>
      <c r="B9" s="13"/>
      <c r="C9" s="13"/>
      <c r="D9" s="13"/>
      <c r="E9" s="13"/>
      <c r="F9" s="13"/>
      <c r="G9" s="13"/>
    </row>
    <row r="10" spans="1:14" ht="30">
      <c r="A10" s="236" t="s">
        <v>472</v>
      </c>
      <c r="B10" s="13"/>
      <c r="C10" s="13"/>
      <c r="D10" s="13"/>
      <c r="E10" s="13"/>
      <c r="F10" s="13"/>
      <c r="G10" s="13"/>
    </row>
    <row r="11" spans="1:14">
      <c r="A11" s="223"/>
      <c r="B11" s="14"/>
      <c r="C11" s="14"/>
      <c r="D11" s="14"/>
      <c r="E11" s="14"/>
    </row>
    <row r="12" spans="1:14">
      <c r="A12" s="235" t="s">
        <v>175</v>
      </c>
    </row>
    <row r="13" spans="1:14" ht="135">
      <c r="A13" s="236" t="s">
        <v>468</v>
      </c>
    </row>
    <row r="14" spans="1:14">
      <c r="A14" s="217"/>
    </row>
    <row r="15" spans="1:14">
      <c r="A15" s="237" t="s">
        <v>2</v>
      </c>
    </row>
    <row r="16" spans="1:14" ht="45">
      <c r="A16" s="238" t="s">
        <v>176</v>
      </c>
    </row>
  </sheetData>
  <mergeCells count="2">
    <mergeCell ref="F1:N1"/>
    <mergeCell ref="F2:N2"/>
  </mergeCells>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N50"/>
  <sheetViews>
    <sheetView workbookViewId="0"/>
  </sheetViews>
  <sheetFormatPr defaultColWidth="8.85546875" defaultRowHeight="15"/>
  <cols>
    <col min="1" max="1" width="128.28515625" style="305" customWidth="1"/>
    <col min="2" max="7" width="8.85546875" style="2"/>
    <col min="8" max="8" width="19.42578125" style="2" customWidth="1"/>
    <col min="9" max="10" width="8.85546875" style="2"/>
    <col min="11" max="11" width="9.140625" style="2" customWidth="1"/>
    <col min="12" max="16384" width="8.85546875" style="2"/>
  </cols>
  <sheetData>
    <row r="1" spans="1:14" ht="23.25">
      <c r="A1" s="234" t="s">
        <v>454</v>
      </c>
      <c r="B1" s="9"/>
      <c r="C1" s="9"/>
      <c r="D1" s="9"/>
      <c r="E1" s="9"/>
      <c r="F1" s="9"/>
      <c r="G1" s="9"/>
      <c r="N1" s="8"/>
    </row>
    <row r="2" spans="1:14" ht="90">
      <c r="A2" s="300" t="s">
        <v>455</v>
      </c>
      <c r="B2" s="6"/>
      <c r="C2" s="6"/>
      <c r="D2" s="6"/>
    </row>
    <row r="3" spans="1:14" s="17" customFormat="1">
      <c r="A3" s="236"/>
      <c r="B3" s="13"/>
      <c r="C3" s="13"/>
      <c r="D3" s="13"/>
    </row>
    <row r="4" spans="1:14" s="18" customFormat="1">
      <c r="A4" s="235" t="s">
        <v>435</v>
      </c>
      <c r="B4" s="13"/>
      <c r="C4" s="13"/>
      <c r="D4" s="13"/>
    </row>
    <row r="5" spans="1:14" s="18" customFormat="1" ht="30">
      <c r="A5" s="236" t="s">
        <v>452</v>
      </c>
      <c r="B5" s="13"/>
      <c r="C5" s="13"/>
      <c r="D5" s="13"/>
    </row>
    <row r="6" spans="1:14" s="18" customFormat="1">
      <c r="A6" s="236"/>
      <c r="B6" s="13"/>
      <c r="C6" s="13"/>
      <c r="D6" s="13"/>
    </row>
    <row r="7" spans="1:14">
      <c r="A7" s="301" t="s">
        <v>436</v>
      </c>
    </row>
    <row r="8" spans="1:14" ht="35.25" customHeight="1">
      <c r="A8" s="302" t="s">
        <v>466</v>
      </c>
    </row>
    <row r="9" spans="1:14" s="17" customFormat="1">
      <c r="A9" s="302"/>
    </row>
    <row r="10" spans="1:14">
      <c r="A10" s="303" t="s">
        <v>437</v>
      </c>
    </row>
    <row r="11" spans="1:14" ht="37.5" customHeight="1">
      <c r="A11" s="302" t="s">
        <v>453</v>
      </c>
    </row>
    <row r="12" spans="1:14">
      <c r="A12" s="302"/>
    </row>
    <row r="13" spans="1:14" s="19" customFormat="1">
      <c r="A13" s="303" t="s">
        <v>438</v>
      </c>
    </row>
    <row r="14" spans="1:14" s="19" customFormat="1" ht="31.5" customHeight="1">
      <c r="A14" s="302" t="s">
        <v>469</v>
      </c>
    </row>
    <row r="15" spans="1:14" s="19" customFormat="1">
      <c r="A15" s="236"/>
    </row>
    <row r="16" spans="1:14" s="19" customFormat="1">
      <c r="A16" s="301" t="s">
        <v>439</v>
      </c>
    </row>
    <row r="17" spans="1:1" s="19" customFormat="1" ht="48.75" customHeight="1">
      <c r="A17" s="302" t="s">
        <v>470</v>
      </c>
    </row>
    <row r="18" spans="1:1" s="19" customFormat="1">
      <c r="A18" s="224"/>
    </row>
    <row r="19" spans="1:1" s="19" customFormat="1">
      <c r="A19" s="304" t="s">
        <v>445</v>
      </c>
    </row>
    <row r="20" spans="1:1" s="19" customFormat="1" ht="45">
      <c r="A20" s="300" t="s">
        <v>456</v>
      </c>
    </row>
    <row r="21" spans="1:1">
      <c r="A21" s="217"/>
    </row>
    <row r="22" spans="1:1" s="218" customFormat="1">
      <c r="A22" s="237" t="s">
        <v>440</v>
      </c>
    </row>
    <row r="23" spans="1:1" s="218" customFormat="1" ht="30">
      <c r="A23" s="300" t="s">
        <v>457</v>
      </c>
    </row>
    <row r="24" spans="1:1" s="218" customFormat="1">
      <c r="A24" s="222"/>
    </row>
    <row r="25" spans="1:1" s="218" customFormat="1">
      <c r="A25" s="237" t="s">
        <v>441</v>
      </c>
    </row>
    <row r="26" spans="1:1" s="218" customFormat="1" ht="30">
      <c r="A26" s="300" t="s">
        <v>458</v>
      </c>
    </row>
    <row r="27" spans="1:1" s="218" customFormat="1">
      <c r="A27" s="222"/>
    </row>
    <row r="28" spans="1:1" s="218" customFormat="1">
      <c r="A28" s="237" t="s">
        <v>442</v>
      </c>
    </row>
    <row r="29" spans="1:1" s="218" customFormat="1" ht="30">
      <c r="A29" s="300" t="s">
        <v>459</v>
      </c>
    </row>
    <row r="30" spans="1:1" s="218" customFormat="1">
      <c r="A30" s="222"/>
    </row>
    <row r="31" spans="1:1">
      <c r="A31" s="237" t="s">
        <v>446</v>
      </c>
    </row>
    <row r="32" spans="1:1" ht="60">
      <c r="A32" s="300" t="s">
        <v>460</v>
      </c>
    </row>
    <row r="33" spans="1:1">
      <c r="A33" s="217"/>
    </row>
    <row r="34" spans="1:1">
      <c r="A34" s="237" t="s">
        <v>447</v>
      </c>
    </row>
    <row r="35" spans="1:1" ht="45">
      <c r="A35" s="300" t="s">
        <v>461</v>
      </c>
    </row>
    <row r="36" spans="1:1">
      <c r="A36" s="222"/>
    </row>
    <row r="37" spans="1:1">
      <c r="A37" s="237" t="s">
        <v>448</v>
      </c>
    </row>
    <row r="38" spans="1:1" ht="60">
      <c r="A38" s="300" t="s">
        <v>462</v>
      </c>
    </row>
    <row r="39" spans="1:1">
      <c r="A39" s="222"/>
    </row>
    <row r="40" spans="1:1" s="218" customFormat="1">
      <c r="A40" s="237" t="s">
        <v>449</v>
      </c>
    </row>
    <row r="41" spans="1:1" s="218" customFormat="1" ht="60">
      <c r="A41" s="300" t="s">
        <v>471</v>
      </c>
    </row>
    <row r="42" spans="1:1" s="218" customFormat="1">
      <c r="A42" s="222"/>
    </row>
    <row r="43" spans="1:1">
      <c r="A43" s="237" t="s">
        <v>450</v>
      </c>
    </row>
    <row r="44" spans="1:1" ht="45">
      <c r="A44" s="300" t="s">
        <v>463</v>
      </c>
    </row>
    <row r="45" spans="1:1" s="218" customFormat="1">
      <c r="A45" s="222"/>
    </row>
    <row r="46" spans="1:1" s="218" customFormat="1">
      <c r="A46" s="237" t="s">
        <v>443</v>
      </c>
    </row>
    <row r="47" spans="1:1" s="218" customFormat="1" ht="15.75" customHeight="1">
      <c r="A47" s="300" t="s">
        <v>464</v>
      </c>
    </row>
    <row r="48" spans="1:1" s="218" customFormat="1">
      <c r="A48" s="222"/>
    </row>
    <row r="49" spans="1:1" s="218" customFormat="1">
      <c r="A49" s="237" t="s">
        <v>451</v>
      </c>
    </row>
    <row r="50" spans="1:1" s="218" customFormat="1" ht="45">
      <c r="A50" s="300" t="s">
        <v>465</v>
      </c>
    </row>
  </sheetData>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I152"/>
  <sheetViews>
    <sheetView zoomScaleNormal="100" workbookViewId="0">
      <selection sqref="A1:D1"/>
    </sheetView>
  </sheetViews>
  <sheetFormatPr defaultColWidth="8.85546875" defaultRowHeight="15"/>
  <cols>
    <col min="1" max="1" width="8.85546875" style="15"/>
    <col min="2" max="2" width="35.7109375" style="218" customWidth="1"/>
    <col min="3" max="3" width="36.140625" style="218" customWidth="1"/>
    <col min="4" max="4" width="21.140625" style="218" customWidth="1"/>
    <col min="5" max="5" width="8.85546875" style="218"/>
    <col min="6" max="6" width="23.42578125" style="218" customWidth="1"/>
    <col min="7" max="16384" width="8.85546875" style="218"/>
  </cols>
  <sheetData>
    <row r="1" spans="1:9" ht="21">
      <c r="A1" s="310" t="s">
        <v>0</v>
      </c>
      <c r="B1" s="310"/>
      <c r="C1" s="310"/>
      <c r="D1" s="310"/>
      <c r="E1" s="220"/>
      <c r="F1" s="220"/>
      <c r="G1" s="220"/>
      <c r="H1" s="220"/>
      <c r="I1" s="220"/>
    </row>
    <row r="2" spans="1:9" ht="21">
      <c r="A2" s="221"/>
      <c r="B2" s="221"/>
      <c r="C2" s="221"/>
      <c r="D2" s="221"/>
      <c r="E2" s="220"/>
      <c r="F2" s="220"/>
      <c r="G2" s="220"/>
      <c r="H2" s="220"/>
      <c r="I2" s="220"/>
    </row>
    <row r="3" spans="1:9" ht="21">
      <c r="A3" s="221" t="s">
        <v>5</v>
      </c>
      <c r="B3" s="221"/>
      <c r="C3" s="221"/>
      <c r="D3" s="221"/>
      <c r="E3" s="220"/>
      <c r="F3" s="220"/>
      <c r="G3" s="220"/>
      <c r="H3" s="220"/>
      <c r="I3" s="220"/>
    </row>
    <row r="4" spans="1:9" ht="21">
      <c r="A4" s="22"/>
      <c r="B4" s="220"/>
      <c r="C4" s="220"/>
      <c r="D4" s="220"/>
      <c r="E4" s="23"/>
      <c r="F4" s="220"/>
      <c r="G4" s="220"/>
      <c r="H4" s="220"/>
      <c r="I4" s="220"/>
    </row>
    <row r="5" spans="1:9" ht="18.75">
      <c r="A5" s="263" t="s">
        <v>63</v>
      </c>
      <c r="B5" s="24"/>
      <c r="C5" s="24"/>
      <c r="D5" s="220"/>
      <c r="E5" s="220"/>
      <c r="F5" s="220"/>
      <c r="G5" s="220"/>
      <c r="H5" s="220"/>
      <c r="I5" s="220"/>
    </row>
    <row r="6" spans="1:9" ht="18.75">
      <c r="A6" s="32"/>
      <c r="B6" s="24"/>
      <c r="C6" s="24"/>
      <c r="D6" s="220"/>
      <c r="E6" s="220"/>
      <c r="F6" s="220"/>
      <c r="G6" s="220"/>
      <c r="H6" s="220"/>
      <c r="I6" s="220"/>
    </row>
    <row r="7" spans="1:9" ht="18.75">
      <c r="A7" s="25">
        <v>1</v>
      </c>
      <c r="B7" s="231" t="s">
        <v>6</v>
      </c>
      <c r="C7" s="220"/>
      <c r="D7" s="220"/>
      <c r="E7" s="27"/>
      <c r="F7" s="27"/>
      <c r="G7" s="220"/>
      <c r="H7" s="220"/>
      <c r="I7" s="220"/>
    </row>
    <row r="8" spans="1:9">
      <c r="A8" s="25"/>
      <c r="B8" s="309" t="s">
        <v>8</v>
      </c>
      <c r="C8" s="309"/>
      <c r="D8" s="309"/>
      <c r="E8" s="309"/>
      <c r="F8" s="309"/>
      <c r="G8" s="220"/>
      <c r="H8" s="220"/>
      <c r="I8" s="220"/>
    </row>
    <row r="9" spans="1:9" ht="18.75">
      <c r="A9" s="32"/>
      <c r="B9" s="24"/>
      <c r="C9" s="24"/>
      <c r="D9" s="220"/>
      <c r="E9" s="220"/>
      <c r="F9" s="220"/>
      <c r="G9" s="220"/>
      <c r="H9" s="220"/>
      <c r="I9" s="220"/>
    </row>
    <row r="10" spans="1:9" ht="18.75">
      <c r="A10" s="25">
        <v>1</v>
      </c>
      <c r="B10" s="26" t="s">
        <v>7</v>
      </c>
      <c r="C10" s="220"/>
      <c r="D10" s="220"/>
      <c r="E10" s="27"/>
      <c r="F10" s="27"/>
      <c r="G10" s="220"/>
      <c r="H10" s="220"/>
      <c r="I10" s="220"/>
    </row>
    <row r="11" spans="1:9">
      <c r="A11" s="25"/>
      <c r="B11" s="309" t="s">
        <v>9</v>
      </c>
      <c r="C11" s="309"/>
      <c r="D11" s="309"/>
      <c r="E11" s="28"/>
      <c r="F11" s="28"/>
      <c r="G11" s="220"/>
      <c r="H11" s="220"/>
      <c r="I11" s="220"/>
    </row>
    <row r="12" spans="1:9" ht="18.75">
      <c r="A12" s="32"/>
      <c r="B12" s="24"/>
      <c r="C12" s="24"/>
      <c r="D12" s="220"/>
      <c r="E12" s="220"/>
      <c r="F12" s="220"/>
      <c r="G12" s="220"/>
      <c r="H12" s="220"/>
      <c r="I12" s="220"/>
    </row>
    <row r="13" spans="1:9" ht="18.75">
      <c r="A13" s="25">
        <v>1</v>
      </c>
      <c r="B13" s="26" t="s">
        <v>56</v>
      </c>
      <c r="C13" s="24"/>
      <c r="D13" s="220"/>
      <c r="E13" s="220"/>
      <c r="F13" s="220"/>
      <c r="G13" s="220"/>
      <c r="H13" s="220"/>
      <c r="I13" s="220"/>
    </row>
    <row r="14" spans="1:9" ht="18.75">
      <c r="A14" s="32"/>
      <c r="B14" s="220" t="s">
        <v>57</v>
      </c>
      <c r="C14" s="24"/>
      <c r="D14" s="220"/>
      <c r="E14" s="220"/>
      <c r="F14" s="220"/>
      <c r="G14" s="220"/>
      <c r="H14" s="220"/>
      <c r="I14" s="220"/>
    </row>
    <row r="15" spans="1:9" ht="18.75">
      <c r="A15" s="32"/>
      <c r="B15" s="220"/>
      <c r="C15" s="24"/>
      <c r="D15" s="220"/>
      <c r="E15" s="220"/>
      <c r="F15" s="220"/>
      <c r="G15" s="220"/>
      <c r="H15" s="220"/>
      <c r="I15" s="220"/>
    </row>
    <row r="16" spans="1:9" ht="18.75">
      <c r="A16" s="25">
        <v>1</v>
      </c>
      <c r="B16" s="26" t="s">
        <v>247</v>
      </c>
      <c r="C16" s="24"/>
      <c r="D16" s="220"/>
      <c r="E16" s="220"/>
      <c r="F16" s="220"/>
      <c r="G16" s="220"/>
      <c r="H16" s="220"/>
      <c r="I16" s="220"/>
    </row>
    <row r="17" spans="1:9" ht="18.75">
      <c r="A17" s="32"/>
      <c r="B17" s="220" t="s">
        <v>58</v>
      </c>
      <c r="C17" s="24"/>
      <c r="D17" s="220"/>
      <c r="E17" s="220"/>
      <c r="F17" s="220"/>
      <c r="G17" s="220"/>
      <c r="H17" s="220"/>
      <c r="I17" s="220"/>
    </row>
    <row r="18" spans="1:9" ht="18.75">
      <c r="A18" s="32"/>
      <c r="B18" s="220"/>
      <c r="C18" s="24"/>
      <c r="D18" s="220"/>
      <c r="E18" s="220"/>
      <c r="F18" s="220"/>
      <c r="G18" s="220"/>
      <c r="H18" s="220"/>
      <c r="I18" s="220"/>
    </row>
    <row r="19" spans="1:9" ht="18.75">
      <c r="A19" s="230" t="s">
        <v>64</v>
      </c>
      <c r="B19" s="220"/>
      <c r="C19" s="24"/>
      <c r="D19" s="220"/>
      <c r="E19" s="220"/>
      <c r="F19" s="220"/>
      <c r="G19" s="220"/>
      <c r="H19" s="220"/>
      <c r="I19" s="220"/>
    </row>
    <row r="20" spans="1:9" ht="18.75">
      <c r="A20" s="32"/>
      <c r="B20" s="220"/>
      <c r="C20" s="24"/>
      <c r="D20" s="220"/>
      <c r="E20" s="220"/>
      <c r="F20" s="220"/>
      <c r="G20" s="220"/>
      <c r="H20" s="220"/>
      <c r="I20" s="220"/>
    </row>
    <row r="21" spans="1:9" s="16" customFormat="1" ht="18.75">
      <c r="A21" s="25">
        <v>2</v>
      </c>
      <c r="B21" s="26" t="s">
        <v>59</v>
      </c>
      <c r="C21" s="220"/>
      <c r="D21" s="220"/>
      <c r="E21" s="27"/>
      <c r="F21" s="27"/>
      <c r="G21" s="27"/>
      <c r="H21" s="27"/>
      <c r="I21" s="27"/>
    </row>
    <row r="22" spans="1:9">
      <c r="A22" s="25"/>
      <c r="B22" s="308" t="s">
        <v>60</v>
      </c>
      <c r="C22" s="309"/>
      <c r="D22" s="309"/>
      <c r="E22" s="309"/>
      <c r="F22" s="309"/>
      <c r="G22" s="309"/>
      <c r="H22" s="220"/>
      <c r="I22" s="220"/>
    </row>
    <row r="23" spans="1:9">
      <c r="A23" s="25"/>
      <c r="B23" s="220"/>
      <c r="C23" s="220"/>
      <c r="D23" s="220"/>
      <c r="E23" s="220"/>
      <c r="F23" s="220"/>
      <c r="G23" s="220"/>
      <c r="H23" s="220"/>
      <c r="I23" s="220"/>
    </row>
    <row r="24" spans="1:9">
      <c r="A24" s="25">
        <v>2</v>
      </c>
      <c r="B24" s="26" t="s">
        <v>417</v>
      </c>
      <c r="C24" s="220"/>
      <c r="D24" s="220"/>
      <c r="E24" s="220"/>
      <c r="F24" s="220"/>
      <c r="G24" s="220"/>
      <c r="H24" s="220"/>
      <c r="I24" s="220"/>
    </row>
    <row r="25" spans="1:9">
      <c r="A25" s="25"/>
      <c r="B25" s="220" t="s">
        <v>61</v>
      </c>
      <c r="C25" s="220"/>
      <c r="D25" s="220"/>
      <c r="E25" s="220"/>
      <c r="F25" s="220"/>
      <c r="G25" s="220"/>
      <c r="H25" s="220"/>
      <c r="I25" s="220"/>
    </row>
    <row r="26" spans="1:9">
      <c r="A26" s="25"/>
      <c r="B26" s="220"/>
      <c r="C26" s="220"/>
      <c r="D26" s="220"/>
      <c r="E26" s="220"/>
      <c r="F26" s="220"/>
      <c r="G26" s="220"/>
      <c r="H26" s="220"/>
      <c r="I26" s="220"/>
    </row>
    <row r="27" spans="1:9">
      <c r="A27" s="25">
        <v>2</v>
      </c>
      <c r="B27" s="26" t="s">
        <v>253</v>
      </c>
      <c r="C27" s="220"/>
      <c r="D27" s="220"/>
      <c r="E27" s="220"/>
      <c r="F27" s="220"/>
      <c r="G27" s="220"/>
      <c r="H27" s="220"/>
      <c r="I27" s="220"/>
    </row>
    <row r="28" spans="1:9">
      <c r="A28" s="25"/>
      <c r="B28" s="220" t="s">
        <v>62</v>
      </c>
      <c r="C28" s="220"/>
      <c r="D28" s="220"/>
      <c r="E28" s="220"/>
      <c r="F28" s="220"/>
      <c r="G28" s="220"/>
      <c r="H28" s="220"/>
      <c r="I28" s="220"/>
    </row>
    <row r="29" spans="1:9">
      <c r="A29" s="25"/>
      <c r="B29" s="220"/>
      <c r="C29" s="220"/>
      <c r="D29" s="220"/>
      <c r="E29" s="220"/>
      <c r="F29" s="220"/>
      <c r="G29" s="220"/>
      <c r="H29" s="220"/>
      <c r="I29" s="220"/>
    </row>
    <row r="30" spans="1:9" s="16" customFormat="1" ht="18.75">
      <c r="A30" s="311" t="s">
        <v>18</v>
      </c>
      <c r="B30" s="311"/>
      <c r="C30" s="311"/>
      <c r="D30" s="27"/>
      <c r="E30" s="27"/>
      <c r="F30" s="27"/>
      <c r="G30" s="27"/>
      <c r="H30" s="27"/>
      <c r="I30" s="27"/>
    </row>
    <row r="31" spans="1:9" s="16" customFormat="1" ht="18.75">
      <c r="A31" s="32"/>
      <c r="B31" s="32"/>
      <c r="C31" s="32"/>
      <c r="D31" s="27"/>
      <c r="E31" s="27"/>
      <c r="F31" s="27"/>
      <c r="G31" s="27"/>
      <c r="H31" s="27"/>
      <c r="I31" s="27"/>
    </row>
    <row r="32" spans="1:9" s="16" customFormat="1" ht="18.75">
      <c r="A32" s="230" t="s">
        <v>42</v>
      </c>
      <c r="B32" s="32"/>
      <c r="C32" s="32"/>
      <c r="D32" s="27"/>
      <c r="E32" s="27"/>
      <c r="F32" s="27"/>
      <c r="G32" s="27"/>
      <c r="H32" s="27"/>
      <c r="I32" s="27"/>
    </row>
    <row r="33" spans="1:9" s="16" customFormat="1" ht="18.75">
      <c r="A33" s="32"/>
      <c r="B33" s="32"/>
      <c r="C33" s="32"/>
      <c r="D33" s="27"/>
      <c r="E33" s="27"/>
      <c r="F33" s="27"/>
      <c r="G33" s="27"/>
      <c r="H33" s="27"/>
      <c r="I33" s="27"/>
    </row>
    <row r="34" spans="1:9">
      <c r="A34" s="25">
        <v>3</v>
      </c>
      <c r="B34" s="232" t="s">
        <v>1</v>
      </c>
      <c r="C34" s="220"/>
      <c r="D34" s="220"/>
      <c r="E34" s="220"/>
      <c r="F34" s="220"/>
      <c r="G34" s="220"/>
      <c r="H34" s="220"/>
      <c r="I34" s="220"/>
    </row>
    <row r="35" spans="1:9">
      <c r="A35" s="22"/>
      <c r="B35" s="308" t="s">
        <v>20</v>
      </c>
      <c r="C35" s="309"/>
      <c r="D35" s="309"/>
      <c r="E35" s="309"/>
      <c r="F35" s="26"/>
      <c r="G35" s="220"/>
      <c r="H35" s="220"/>
      <c r="I35" s="220"/>
    </row>
    <row r="36" spans="1:9">
      <c r="A36" s="22"/>
      <c r="B36" s="219"/>
      <c r="C36" s="220"/>
      <c r="D36" s="220"/>
      <c r="E36" s="220"/>
      <c r="F36" s="26"/>
      <c r="G36" s="220"/>
      <c r="H36" s="220"/>
      <c r="I36" s="220"/>
    </row>
    <row r="37" spans="1:9">
      <c r="A37" s="22">
        <v>3</v>
      </c>
      <c r="B37" s="30" t="s">
        <v>35</v>
      </c>
      <c r="C37" s="220"/>
      <c r="D37" s="220"/>
      <c r="E37" s="220"/>
      <c r="F37" s="26"/>
      <c r="G37" s="220"/>
      <c r="H37" s="220"/>
      <c r="I37" s="220"/>
    </row>
    <row r="38" spans="1:9">
      <c r="A38" s="22"/>
      <c r="B38" s="279" t="s">
        <v>65</v>
      </c>
      <c r="C38" s="220"/>
      <c r="D38" s="220"/>
      <c r="E38" s="220"/>
      <c r="F38" s="26"/>
      <c r="G38" s="220"/>
      <c r="H38" s="220"/>
      <c r="I38" s="220"/>
    </row>
    <row r="39" spans="1:9">
      <c r="A39" s="22"/>
      <c r="B39" s="219"/>
      <c r="C39" s="220"/>
      <c r="D39" s="220"/>
      <c r="E39" s="220"/>
      <c r="F39" s="26"/>
      <c r="G39" s="220"/>
      <c r="H39" s="220"/>
      <c r="I39" s="220"/>
    </row>
    <row r="40" spans="1:9">
      <c r="A40" s="22">
        <v>3</v>
      </c>
      <c r="B40" s="30" t="s">
        <v>36</v>
      </c>
      <c r="C40" s="220"/>
      <c r="D40" s="220"/>
      <c r="E40" s="220"/>
      <c r="F40" s="26"/>
      <c r="G40" s="220"/>
      <c r="H40" s="220"/>
      <c r="I40" s="220"/>
    </row>
    <row r="41" spans="1:9">
      <c r="A41" s="22"/>
      <c r="B41" s="219" t="s">
        <v>66</v>
      </c>
      <c r="C41" s="220"/>
      <c r="D41" s="220"/>
      <c r="E41" s="220"/>
      <c r="F41" s="26"/>
      <c r="G41" s="220"/>
      <c r="H41" s="220"/>
      <c r="I41" s="220"/>
    </row>
    <row r="42" spans="1:9">
      <c r="A42" s="22"/>
      <c r="B42" s="219"/>
      <c r="C42" s="220"/>
      <c r="D42" s="220"/>
      <c r="E42" s="220"/>
      <c r="F42" s="26"/>
      <c r="G42" s="220"/>
      <c r="H42" s="220"/>
      <c r="I42" s="220"/>
    </row>
    <row r="43" spans="1:9">
      <c r="A43" s="25">
        <v>3</v>
      </c>
      <c r="B43" s="30" t="s">
        <v>10</v>
      </c>
      <c r="C43" s="220"/>
      <c r="D43" s="220"/>
      <c r="E43" s="220"/>
      <c r="F43" s="220"/>
      <c r="G43" s="220"/>
      <c r="H43" s="220"/>
      <c r="I43" s="220"/>
    </row>
    <row r="44" spans="1:9">
      <c r="A44" s="22"/>
      <c r="B44" s="308" t="s">
        <v>21</v>
      </c>
      <c r="C44" s="309"/>
      <c r="D44" s="220"/>
      <c r="E44" s="220"/>
      <c r="F44" s="220"/>
      <c r="G44" s="220"/>
      <c r="H44" s="220"/>
      <c r="I44" s="220"/>
    </row>
    <row r="45" spans="1:9">
      <c r="A45" s="22"/>
      <c r="B45" s="219"/>
      <c r="C45" s="220"/>
      <c r="D45" s="220"/>
      <c r="E45" s="220"/>
      <c r="F45" s="220"/>
      <c r="G45" s="220"/>
      <c r="H45" s="220"/>
      <c r="I45" s="220"/>
    </row>
    <row r="46" spans="1:9">
      <c r="A46" s="22">
        <v>3</v>
      </c>
      <c r="B46" s="30" t="s">
        <v>37</v>
      </c>
      <c r="C46" s="220"/>
      <c r="D46" s="220"/>
      <c r="E46" s="220"/>
      <c r="F46" s="220"/>
      <c r="G46" s="220"/>
      <c r="H46" s="220"/>
      <c r="I46" s="220"/>
    </row>
    <row r="47" spans="1:9">
      <c r="A47" s="22"/>
      <c r="B47" s="219" t="s">
        <v>67</v>
      </c>
      <c r="C47" s="220"/>
      <c r="D47" s="220"/>
      <c r="E47" s="220"/>
      <c r="F47" s="220"/>
      <c r="G47" s="220"/>
      <c r="H47" s="220"/>
      <c r="I47" s="220"/>
    </row>
    <row r="48" spans="1:9" ht="21">
      <c r="A48" s="29"/>
      <c r="B48" s="220"/>
      <c r="C48" s="220"/>
      <c r="D48" s="220"/>
      <c r="E48" s="220"/>
      <c r="F48" s="220"/>
      <c r="G48" s="220"/>
      <c r="H48" s="220"/>
      <c r="I48" s="220"/>
    </row>
    <row r="49" spans="1:9" s="16" customFormat="1" ht="18.75">
      <c r="A49" s="230" t="s">
        <v>41</v>
      </c>
      <c r="B49" s="32"/>
      <c r="C49" s="32"/>
      <c r="D49" s="27"/>
      <c r="E49" s="27"/>
      <c r="F49" s="27"/>
      <c r="G49" s="27"/>
      <c r="H49" s="27"/>
      <c r="I49" s="27"/>
    </row>
    <row r="50" spans="1:9" s="16" customFormat="1" ht="18.75">
      <c r="A50" s="32"/>
      <c r="B50" s="32"/>
      <c r="C50" s="32"/>
      <c r="D50" s="27"/>
      <c r="E50" s="27"/>
      <c r="F50" s="27"/>
      <c r="G50" s="27"/>
      <c r="H50" s="27"/>
      <c r="I50" s="27"/>
    </row>
    <row r="51" spans="1:9">
      <c r="A51" s="25">
        <v>4</v>
      </c>
      <c r="B51" s="231" t="s">
        <v>3</v>
      </c>
      <c r="C51" s="220"/>
      <c r="D51" s="220"/>
      <c r="E51" s="220"/>
      <c r="F51" s="220"/>
      <c r="G51" s="220"/>
      <c r="H51" s="220"/>
      <c r="I51" s="220"/>
    </row>
    <row r="52" spans="1:9">
      <c r="A52" s="22"/>
      <c r="B52" s="308" t="s">
        <v>19</v>
      </c>
      <c r="C52" s="309"/>
      <c r="D52" s="309"/>
      <c r="E52" s="220"/>
      <c r="F52" s="220"/>
      <c r="G52" s="220"/>
      <c r="H52" s="220"/>
      <c r="I52" s="220"/>
    </row>
    <row r="53" spans="1:9">
      <c r="A53" s="22"/>
      <c r="B53" s="308" t="s">
        <v>31</v>
      </c>
      <c r="C53" s="309"/>
      <c r="D53" s="309"/>
      <c r="E53" s="220"/>
      <c r="F53" s="220"/>
      <c r="G53" s="220"/>
      <c r="H53" s="220"/>
      <c r="I53" s="220"/>
    </row>
    <row r="54" spans="1:9" ht="21">
      <c r="A54" s="29"/>
      <c r="B54" s="220"/>
      <c r="C54" s="220"/>
      <c r="D54" s="220"/>
      <c r="E54" s="220"/>
      <c r="F54" s="220"/>
      <c r="G54" s="220"/>
      <c r="H54" s="220"/>
      <c r="I54" s="220"/>
    </row>
    <row r="55" spans="1:9">
      <c r="A55" s="25">
        <v>4</v>
      </c>
      <c r="B55" s="26" t="s">
        <v>293</v>
      </c>
      <c r="C55" s="280"/>
      <c r="D55" s="280"/>
      <c r="E55" s="280"/>
      <c r="F55" s="280"/>
      <c r="G55" s="280"/>
      <c r="H55" s="280"/>
      <c r="I55" s="280"/>
    </row>
    <row r="56" spans="1:9" ht="16.5" customHeight="1">
      <c r="A56" s="29"/>
      <c r="B56" s="279" t="s">
        <v>294</v>
      </c>
      <c r="C56" s="280"/>
      <c r="D56" s="280"/>
      <c r="E56" s="280"/>
      <c r="F56" s="280"/>
      <c r="G56" s="280"/>
      <c r="H56" s="280"/>
      <c r="I56" s="280"/>
    </row>
    <row r="57" spans="1:9" ht="17.25" customHeight="1">
      <c r="A57" s="29"/>
      <c r="B57" s="279" t="s">
        <v>399</v>
      </c>
      <c r="C57" s="280"/>
      <c r="D57" s="280"/>
      <c r="E57" s="280"/>
      <c r="F57" s="280"/>
      <c r="G57" s="280"/>
      <c r="H57" s="280"/>
      <c r="I57" s="280"/>
    </row>
    <row r="58" spans="1:9" ht="21">
      <c r="A58" s="29"/>
      <c r="B58" s="280"/>
      <c r="C58" s="280"/>
      <c r="D58" s="280"/>
      <c r="E58" s="280"/>
      <c r="F58" s="280"/>
      <c r="G58" s="280"/>
      <c r="H58" s="280"/>
      <c r="I58" s="280"/>
    </row>
    <row r="59" spans="1:9">
      <c r="A59" s="25">
        <v>4</v>
      </c>
      <c r="B59" s="26" t="s">
        <v>295</v>
      </c>
      <c r="C59" s="280"/>
      <c r="D59" s="280"/>
      <c r="E59" s="280"/>
      <c r="F59" s="280"/>
      <c r="G59" s="280"/>
      <c r="H59" s="280"/>
      <c r="I59" s="280"/>
    </row>
    <row r="60" spans="1:9" ht="21">
      <c r="A60" s="29"/>
      <c r="B60" s="279" t="s">
        <v>418</v>
      </c>
      <c r="C60" s="280"/>
      <c r="D60" s="280"/>
      <c r="E60" s="280"/>
      <c r="F60" s="280"/>
      <c r="G60" s="280"/>
      <c r="H60" s="280"/>
      <c r="I60" s="280"/>
    </row>
    <row r="61" spans="1:9" ht="21">
      <c r="A61" s="29"/>
      <c r="B61" s="280"/>
      <c r="C61" s="280"/>
      <c r="D61" s="280"/>
      <c r="E61" s="280"/>
      <c r="F61" s="280"/>
      <c r="G61" s="280"/>
      <c r="H61" s="280"/>
      <c r="I61" s="280"/>
    </row>
    <row r="62" spans="1:9">
      <c r="A62" s="25">
        <v>4</v>
      </c>
      <c r="B62" s="30" t="s">
        <v>230</v>
      </c>
      <c r="C62" s="220"/>
      <c r="D62" s="220"/>
      <c r="E62" s="220"/>
      <c r="F62" s="220"/>
      <c r="G62" s="220"/>
      <c r="H62" s="220"/>
      <c r="I62" s="220"/>
    </row>
    <row r="63" spans="1:9">
      <c r="A63" s="22"/>
      <c r="B63" s="308" t="s">
        <v>239</v>
      </c>
      <c r="C63" s="309"/>
      <c r="D63" s="220"/>
      <c r="E63" s="220"/>
      <c r="F63" s="220"/>
      <c r="G63" s="220"/>
      <c r="H63" s="220"/>
      <c r="I63" s="220"/>
    </row>
    <row r="64" spans="1:9">
      <c r="A64" s="22"/>
      <c r="B64" s="308" t="s">
        <v>240</v>
      </c>
      <c r="C64" s="309"/>
      <c r="D64" s="309"/>
      <c r="E64" s="309"/>
      <c r="F64" s="220"/>
      <c r="G64" s="220"/>
      <c r="H64" s="220"/>
      <c r="I64" s="220"/>
    </row>
    <row r="65" spans="1:9" ht="21">
      <c r="A65" s="29"/>
      <c r="B65" s="220"/>
      <c r="C65" s="220"/>
      <c r="D65" s="220"/>
      <c r="E65" s="220"/>
      <c r="F65" s="220"/>
      <c r="G65" s="220"/>
      <c r="H65" s="220"/>
      <c r="I65" s="220"/>
    </row>
    <row r="66" spans="1:9">
      <c r="A66" s="25">
        <v>4</v>
      </c>
      <c r="B66" s="30" t="s">
        <v>38</v>
      </c>
      <c r="C66" s="220"/>
      <c r="D66" s="220"/>
      <c r="E66" s="220"/>
      <c r="F66" s="220"/>
      <c r="G66" s="220"/>
      <c r="H66" s="220"/>
      <c r="I66" s="220"/>
    </row>
    <row r="67" spans="1:9">
      <c r="A67" s="22"/>
      <c r="B67" s="308" t="s">
        <v>68</v>
      </c>
      <c r="C67" s="309"/>
      <c r="D67" s="309"/>
      <c r="E67" s="309"/>
      <c r="F67" s="26"/>
      <c r="G67" s="220"/>
      <c r="H67" s="220"/>
      <c r="I67" s="220"/>
    </row>
    <row r="68" spans="1:9">
      <c r="A68" s="22"/>
      <c r="B68" s="308"/>
      <c r="C68" s="309"/>
      <c r="D68" s="309"/>
      <c r="E68" s="309"/>
      <c r="F68" s="220"/>
      <c r="G68" s="26"/>
      <c r="H68" s="220"/>
      <c r="I68" s="220"/>
    </row>
    <row r="69" spans="1:9">
      <c r="A69" s="22">
        <v>4</v>
      </c>
      <c r="B69" s="30" t="s">
        <v>39</v>
      </c>
      <c r="C69" s="220"/>
      <c r="D69" s="220"/>
      <c r="E69" s="220"/>
      <c r="F69" s="220"/>
      <c r="G69" s="26"/>
      <c r="H69" s="220"/>
      <c r="I69" s="220"/>
    </row>
    <row r="70" spans="1:9">
      <c r="A70" s="22"/>
      <c r="B70" s="219" t="s">
        <v>69</v>
      </c>
      <c r="C70" s="220"/>
      <c r="D70" s="220"/>
      <c r="E70" s="220"/>
      <c r="F70" s="220"/>
      <c r="G70" s="26"/>
      <c r="H70" s="220"/>
      <c r="I70" s="220"/>
    </row>
    <row r="71" spans="1:9">
      <c r="A71" s="22"/>
      <c r="B71" s="219"/>
      <c r="C71" s="220"/>
      <c r="D71" s="220"/>
      <c r="E71" s="220"/>
      <c r="F71" s="220"/>
      <c r="G71" s="26"/>
      <c r="H71" s="220"/>
      <c r="I71" s="220"/>
    </row>
    <row r="72" spans="1:9">
      <c r="A72" s="25">
        <v>4</v>
      </c>
      <c r="B72" s="30" t="s">
        <v>4</v>
      </c>
      <c r="C72" s="220"/>
      <c r="D72" s="220"/>
      <c r="E72" s="220"/>
      <c r="F72" s="220"/>
      <c r="G72" s="220"/>
      <c r="H72" s="220"/>
      <c r="I72" s="220"/>
    </row>
    <row r="73" spans="1:9">
      <c r="A73" s="22"/>
      <c r="B73" s="308" t="s">
        <v>22</v>
      </c>
      <c r="C73" s="309"/>
      <c r="D73" s="309"/>
      <c r="E73" s="220"/>
      <c r="F73" s="220"/>
      <c r="G73" s="220"/>
      <c r="H73" s="220"/>
      <c r="I73" s="220"/>
    </row>
    <row r="74" spans="1:9">
      <c r="A74" s="22"/>
      <c r="B74" s="219"/>
      <c r="C74" s="220"/>
      <c r="D74" s="220"/>
      <c r="E74" s="220"/>
      <c r="F74" s="220"/>
      <c r="G74" s="220"/>
      <c r="H74" s="220"/>
      <c r="I74" s="220"/>
    </row>
    <row r="75" spans="1:9">
      <c r="A75" s="233" t="s">
        <v>70</v>
      </c>
      <c r="B75" s="219"/>
      <c r="C75" s="220"/>
      <c r="D75" s="220"/>
      <c r="E75" s="220"/>
      <c r="F75" s="220"/>
      <c r="G75" s="220"/>
      <c r="H75" s="220"/>
      <c r="I75" s="220"/>
    </row>
    <row r="76" spans="1:9">
      <c r="A76" s="22"/>
      <c r="B76" s="219"/>
      <c r="C76" s="220"/>
      <c r="D76" s="220"/>
      <c r="E76" s="220"/>
      <c r="F76" s="220"/>
      <c r="G76" s="220"/>
      <c r="H76" s="220"/>
      <c r="I76" s="220"/>
    </row>
    <row r="77" spans="1:9">
      <c r="A77" s="25">
        <v>5</v>
      </c>
      <c r="B77" s="232" t="s">
        <v>11</v>
      </c>
      <c r="C77" s="220"/>
      <c r="D77" s="220"/>
      <c r="E77" s="220"/>
      <c r="F77" s="220"/>
      <c r="G77" s="220"/>
      <c r="H77" s="220"/>
      <c r="I77" s="220"/>
    </row>
    <row r="78" spans="1:9">
      <c r="A78" s="22"/>
      <c r="B78" s="308" t="s">
        <v>23</v>
      </c>
      <c r="C78" s="309"/>
      <c r="D78" s="309"/>
      <c r="E78" s="220"/>
      <c r="F78" s="220"/>
      <c r="G78" s="220"/>
      <c r="H78" s="220"/>
      <c r="I78" s="220"/>
    </row>
    <row r="79" spans="1:9">
      <c r="A79" s="22"/>
      <c r="B79" s="219"/>
      <c r="C79" s="220"/>
      <c r="D79" s="220"/>
      <c r="E79" s="220"/>
      <c r="F79" s="220"/>
      <c r="G79" s="220"/>
      <c r="H79" s="220"/>
      <c r="I79" s="220"/>
    </row>
    <row r="80" spans="1:9">
      <c r="A80" s="22">
        <v>5</v>
      </c>
      <c r="B80" s="30" t="s">
        <v>43</v>
      </c>
      <c r="C80" s="220"/>
      <c r="D80" s="220"/>
      <c r="E80" s="220"/>
      <c r="F80" s="220"/>
      <c r="G80" s="220"/>
      <c r="H80" s="220"/>
      <c r="I80" s="220"/>
    </row>
    <row r="81" spans="1:9">
      <c r="A81" s="22"/>
      <c r="B81" s="219" t="s">
        <v>71</v>
      </c>
      <c r="C81" s="220"/>
      <c r="D81" s="220"/>
      <c r="E81" s="220"/>
      <c r="F81" s="220"/>
      <c r="G81" s="220"/>
      <c r="H81" s="220"/>
      <c r="I81" s="220"/>
    </row>
    <row r="82" spans="1:9">
      <c r="A82" s="22"/>
      <c r="B82" s="220"/>
      <c r="C82" s="220"/>
      <c r="D82" s="220"/>
      <c r="E82" s="220"/>
      <c r="F82" s="220"/>
      <c r="G82" s="220"/>
      <c r="H82" s="220"/>
      <c r="I82" s="220"/>
    </row>
    <row r="83" spans="1:9">
      <c r="A83" s="25">
        <v>5</v>
      </c>
      <c r="B83" s="30" t="s">
        <v>262</v>
      </c>
      <c r="C83" s="220"/>
      <c r="D83" s="220"/>
      <c r="E83" s="220"/>
      <c r="F83" s="220"/>
      <c r="G83" s="220"/>
      <c r="H83" s="220"/>
      <c r="I83" s="220"/>
    </row>
    <row r="84" spans="1:9">
      <c r="A84" s="22"/>
      <c r="B84" s="308" t="s">
        <v>72</v>
      </c>
      <c r="C84" s="309"/>
      <c r="D84" s="309"/>
      <c r="E84" s="220"/>
      <c r="F84" s="220"/>
      <c r="G84" s="220"/>
      <c r="H84" s="220"/>
      <c r="I84" s="220"/>
    </row>
    <row r="85" spans="1:9">
      <c r="A85" s="22"/>
      <c r="B85" s="308"/>
      <c r="C85" s="309"/>
      <c r="D85" s="309"/>
      <c r="E85" s="220"/>
      <c r="F85" s="220"/>
      <c r="G85" s="220"/>
      <c r="H85" s="220"/>
      <c r="I85" s="220"/>
    </row>
    <row r="86" spans="1:9">
      <c r="A86" s="22">
        <v>5</v>
      </c>
      <c r="B86" s="30" t="s">
        <v>44</v>
      </c>
      <c r="C86" s="220"/>
      <c r="D86" s="220"/>
      <c r="E86" s="220"/>
      <c r="F86" s="220"/>
      <c r="G86" s="220"/>
      <c r="H86" s="220"/>
      <c r="I86" s="220"/>
    </row>
    <row r="87" spans="1:9">
      <c r="A87" s="22"/>
      <c r="B87" s="308" t="s">
        <v>72</v>
      </c>
      <c r="C87" s="309"/>
      <c r="D87" s="309"/>
      <c r="E87" s="220"/>
      <c r="F87" s="220"/>
      <c r="G87" s="220"/>
      <c r="H87" s="220"/>
      <c r="I87" s="220"/>
    </row>
    <row r="88" spans="1:9">
      <c r="A88" s="22"/>
      <c r="B88" s="219"/>
      <c r="C88" s="220"/>
      <c r="D88" s="220"/>
      <c r="E88" s="220"/>
      <c r="F88" s="220"/>
      <c r="G88" s="220"/>
      <c r="H88" s="220"/>
      <c r="I88" s="220"/>
    </row>
    <row r="89" spans="1:9">
      <c r="A89" s="233" t="s">
        <v>45</v>
      </c>
      <c r="B89" s="219"/>
      <c r="C89" s="220"/>
      <c r="D89" s="220"/>
      <c r="E89" s="220"/>
      <c r="F89" s="220"/>
      <c r="G89" s="220"/>
      <c r="H89" s="220"/>
      <c r="I89" s="220"/>
    </row>
    <row r="90" spans="1:9">
      <c r="A90" s="22"/>
      <c r="B90" s="219"/>
      <c r="C90" s="220"/>
      <c r="D90" s="220"/>
      <c r="E90" s="220"/>
      <c r="F90" s="220"/>
      <c r="G90" s="220"/>
      <c r="H90" s="220"/>
      <c r="I90" s="220"/>
    </row>
    <row r="91" spans="1:9">
      <c r="A91" s="25">
        <v>6</v>
      </c>
      <c r="B91" s="232" t="s">
        <v>12</v>
      </c>
      <c r="C91" s="220"/>
      <c r="D91" s="220"/>
      <c r="E91" s="220"/>
      <c r="F91" s="220"/>
      <c r="G91" s="220"/>
      <c r="H91" s="220"/>
      <c r="I91" s="220"/>
    </row>
    <row r="92" spans="1:9">
      <c r="A92" s="22"/>
      <c r="B92" s="308" t="s">
        <v>24</v>
      </c>
      <c r="C92" s="309"/>
      <c r="D92" s="309"/>
      <c r="E92" s="220"/>
      <c r="F92" s="220"/>
      <c r="G92" s="220"/>
      <c r="H92" s="220"/>
      <c r="I92" s="220"/>
    </row>
    <row r="93" spans="1:9">
      <c r="A93" s="22"/>
      <c r="B93" s="308"/>
      <c r="C93" s="309"/>
      <c r="D93" s="309"/>
      <c r="E93" s="220"/>
      <c r="F93" s="220"/>
      <c r="G93" s="220"/>
      <c r="H93" s="220"/>
      <c r="I93" s="220"/>
    </row>
    <row r="94" spans="1:9">
      <c r="A94" s="22">
        <v>6</v>
      </c>
      <c r="B94" s="30" t="s">
        <v>46</v>
      </c>
      <c r="C94" s="220"/>
      <c r="D94" s="220"/>
      <c r="E94" s="220"/>
      <c r="F94" s="220"/>
      <c r="G94" s="220"/>
      <c r="H94" s="220"/>
      <c r="I94" s="220"/>
    </row>
    <row r="95" spans="1:9">
      <c r="A95" s="22"/>
      <c r="B95" s="219" t="s">
        <v>73</v>
      </c>
      <c r="C95" s="220"/>
      <c r="D95" s="220"/>
      <c r="E95" s="220"/>
      <c r="F95" s="220"/>
      <c r="G95" s="220"/>
      <c r="H95" s="220"/>
      <c r="I95" s="220"/>
    </row>
    <row r="96" spans="1:9">
      <c r="A96" s="22"/>
      <c r="B96" s="220"/>
      <c r="C96" s="220"/>
      <c r="D96" s="220"/>
      <c r="E96" s="220"/>
      <c r="F96" s="220"/>
      <c r="G96" s="220"/>
      <c r="H96" s="220"/>
      <c r="I96" s="220"/>
    </row>
    <row r="97" spans="1:9">
      <c r="A97" s="25">
        <v>6</v>
      </c>
      <c r="B97" s="30" t="s">
        <v>264</v>
      </c>
      <c r="C97" s="220"/>
      <c r="D97" s="220"/>
      <c r="E97" s="220"/>
      <c r="F97" s="220"/>
      <c r="G97" s="220"/>
      <c r="H97" s="220"/>
      <c r="I97" s="220"/>
    </row>
    <row r="98" spans="1:9">
      <c r="A98" s="22"/>
      <c r="B98" s="308" t="s">
        <v>25</v>
      </c>
      <c r="C98" s="309"/>
      <c r="D98" s="309"/>
      <c r="E98" s="220"/>
      <c r="F98" s="220"/>
      <c r="G98" s="220"/>
      <c r="H98" s="220"/>
      <c r="I98" s="220"/>
    </row>
    <row r="99" spans="1:9">
      <c r="A99" s="22"/>
      <c r="B99" s="308"/>
      <c r="C99" s="309"/>
      <c r="D99" s="309"/>
      <c r="E99" s="220"/>
      <c r="F99" s="220"/>
      <c r="G99" s="220"/>
      <c r="H99" s="220"/>
      <c r="I99" s="220"/>
    </row>
    <row r="100" spans="1:9">
      <c r="A100" s="22">
        <v>6</v>
      </c>
      <c r="B100" s="30" t="s">
        <v>47</v>
      </c>
      <c r="C100" s="220"/>
      <c r="D100" s="220"/>
      <c r="E100" s="220"/>
      <c r="F100" s="220"/>
      <c r="G100" s="220"/>
      <c r="H100" s="220"/>
      <c r="I100" s="220"/>
    </row>
    <row r="101" spans="1:9">
      <c r="A101" s="22"/>
      <c r="B101" s="219" t="s">
        <v>74</v>
      </c>
      <c r="C101" s="220"/>
      <c r="D101" s="220"/>
      <c r="E101" s="220"/>
      <c r="F101" s="220"/>
      <c r="G101" s="220"/>
      <c r="H101" s="220"/>
      <c r="I101" s="220"/>
    </row>
    <row r="102" spans="1:9">
      <c r="A102" s="22"/>
      <c r="B102" s="219"/>
      <c r="C102" s="220"/>
      <c r="D102" s="220"/>
      <c r="E102" s="220"/>
      <c r="F102" s="220"/>
      <c r="G102" s="220"/>
      <c r="H102" s="220"/>
      <c r="I102" s="220"/>
    </row>
    <row r="103" spans="1:9">
      <c r="A103" s="22">
        <v>6</v>
      </c>
      <c r="B103" s="30" t="s">
        <v>266</v>
      </c>
      <c r="C103" s="280"/>
      <c r="D103" s="280"/>
      <c r="E103" s="280"/>
      <c r="F103" s="280"/>
      <c r="G103" s="280"/>
      <c r="H103" s="280"/>
      <c r="I103" s="280"/>
    </row>
    <row r="104" spans="1:9">
      <c r="A104" s="22"/>
      <c r="B104" s="279" t="s">
        <v>74</v>
      </c>
      <c r="C104" s="280"/>
      <c r="D104" s="280"/>
      <c r="E104" s="280"/>
      <c r="F104" s="280"/>
      <c r="G104" s="280"/>
      <c r="H104" s="280"/>
      <c r="I104" s="280"/>
    </row>
    <row r="105" spans="1:9">
      <c r="A105" s="22"/>
      <c r="B105" s="279"/>
      <c r="C105" s="280"/>
      <c r="D105" s="280"/>
      <c r="E105" s="280"/>
      <c r="F105" s="280"/>
      <c r="G105" s="280"/>
      <c r="H105" s="280"/>
      <c r="I105" s="280"/>
    </row>
    <row r="106" spans="1:9">
      <c r="A106" s="22">
        <v>6</v>
      </c>
      <c r="B106" s="26" t="s">
        <v>30</v>
      </c>
      <c r="C106" s="220"/>
      <c r="D106" s="220"/>
      <c r="E106" s="220"/>
      <c r="F106" s="220"/>
      <c r="G106" s="220"/>
      <c r="H106" s="220"/>
      <c r="I106" s="220"/>
    </row>
    <row r="107" spans="1:9">
      <c r="A107" s="25"/>
      <c r="B107" s="220" t="s">
        <v>75</v>
      </c>
      <c r="C107" s="220"/>
      <c r="D107" s="220"/>
      <c r="E107" s="220"/>
      <c r="F107" s="220"/>
      <c r="G107" s="220"/>
      <c r="H107" s="220"/>
      <c r="I107" s="220"/>
    </row>
    <row r="108" spans="1:9">
      <c r="A108" s="22"/>
      <c r="B108" s="308"/>
      <c r="C108" s="309"/>
      <c r="D108" s="309"/>
      <c r="E108" s="220"/>
      <c r="F108" s="220"/>
      <c r="G108" s="220"/>
      <c r="H108" s="220"/>
      <c r="I108" s="220"/>
    </row>
    <row r="109" spans="1:9">
      <c r="A109" s="22">
        <v>6</v>
      </c>
      <c r="B109" s="30" t="s">
        <v>13</v>
      </c>
      <c r="C109" s="220"/>
      <c r="D109" s="220"/>
      <c r="E109" s="220"/>
      <c r="F109" s="220"/>
      <c r="G109" s="220"/>
      <c r="H109" s="220"/>
      <c r="I109" s="220"/>
    </row>
    <row r="110" spans="1:9">
      <c r="A110" s="31"/>
      <c r="B110" s="308" t="s">
        <v>14</v>
      </c>
      <c r="C110" s="309"/>
      <c r="D110" s="309"/>
      <c r="E110" s="220"/>
      <c r="F110" s="220"/>
      <c r="G110" s="220"/>
      <c r="H110" s="220"/>
      <c r="I110" s="220"/>
    </row>
    <row r="111" spans="1:9">
      <c r="A111" s="31"/>
      <c r="B111" s="219"/>
      <c r="C111" s="220"/>
      <c r="D111" s="220"/>
      <c r="E111" s="220"/>
      <c r="F111" s="220"/>
      <c r="G111" s="220"/>
      <c r="H111" s="220"/>
      <c r="I111" s="220"/>
    </row>
    <row r="112" spans="1:9">
      <c r="A112" s="233" t="s">
        <v>48</v>
      </c>
      <c r="B112" s="34"/>
      <c r="C112" s="35"/>
      <c r="D112" s="35"/>
      <c r="E112" s="220"/>
      <c r="F112" s="220"/>
      <c r="G112" s="220"/>
      <c r="H112" s="220"/>
      <c r="I112" s="220"/>
    </row>
    <row r="113" spans="1:9">
      <c r="A113" s="31"/>
      <c r="B113" s="30"/>
      <c r="C113" s="220"/>
      <c r="D113" s="220"/>
      <c r="E113" s="220"/>
      <c r="F113" s="220"/>
      <c r="G113" s="220"/>
      <c r="H113" s="220"/>
      <c r="I113" s="220"/>
    </row>
    <row r="114" spans="1:9">
      <c r="A114" s="25">
        <v>7</v>
      </c>
      <c r="B114" s="232" t="s">
        <v>272</v>
      </c>
      <c r="C114" s="220"/>
      <c r="D114" s="220"/>
      <c r="E114" s="220"/>
      <c r="F114" s="220"/>
      <c r="G114" s="220"/>
      <c r="H114" s="220"/>
      <c r="I114" s="220"/>
    </row>
    <row r="115" spans="1:9">
      <c r="A115" s="31"/>
      <c r="B115" s="308" t="s">
        <v>419</v>
      </c>
      <c r="C115" s="309"/>
      <c r="D115" s="309"/>
      <c r="E115" s="220"/>
      <c r="F115" s="220"/>
      <c r="G115" s="220"/>
      <c r="H115" s="220"/>
      <c r="I115" s="220"/>
    </row>
    <row r="116" spans="1:9">
      <c r="A116" s="31"/>
      <c r="B116" s="308"/>
      <c r="C116" s="309"/>
      <c r="D116" s="309"/>
      <c r="E116" s="220"/>
      <c r="F116" s="220"/>
      <c r="G116" s="220"/>
      <c r="H116" s="220"/>
      <c r="I116" s="220"/>
    </row>
    <row r="117" spans="1:9">
      <c r="A117" s="25">
        <v>7</v>
      </c>
      <c r="B117" s="30" t="s">
        <v>49</v>
      </c>
      <c r="C117" s="220"/>
      <c r="D117" s="220"/>
      <c r="E117" s="220"/>
      <c r="F117" s="220"/>
      <c r="G117" s="220"/>
      <c r="H117" s="220"/>
      <c r="I117" s="220"/>
    </row>
    <row r="118" spans="1:9">
      <c r="A118" s="31"/>
      <c r="B118" s="219" t="s">
        <v>76</v>
      </c>
      <c r="C118" s="220"/>
      <c r="D118" s="220"/>
      <c r="E118" s="220"/>
      <c r="F118" s="220"/>
      <c r="G118" s="220"/>
      <c r="H118" s="220"/>
      <c r="I118" s="220"/>
    </row>
    <row r="119" spans="1:9">
      <c r="A119" s="31"/>
      <c r="B119" s="219"/>
      <c r="C119" s="220"/>
      <c r="D119" s="220"/>
      <c r="E119" s="220"/>
      <c r="F119" s="220"/>
      <c r="G119" s="220"/>
      <c r="H119" s="220"/>
      <c r="I119" s="220"/>
    </row>
    <row r="120" spans="1:9">
      <c r="A120" s="25">
        <v>7</v>
      </c>
      <c r="B120" s="30" t="s">
        <v>50</v>
      </c>
      <c r="C120" s="220"/>
      <c r="D120" s="220"/>
      <c r="E120" s="220"/>
      <c r="F120" s="220"/>
      <c r="G120" s="220"/>
      <c r="H120" s="220"/>
      <c r="I120" s="220"/>
    </row>
    <row r="121" spans="1:9">
      <c r="A121" s="31"/>
      <c r="B121" s="219" t="s">
        <v>77</v>
      </c>
      <c r="C121" s="220"/>
      <c r="D121" s="220"/>
      <c r="E121" s="220"/>
      <c r="F121" s="220"/>
      <c r="G121" s="220"/>
      <c r="H121" s="220"/>
      <c r="I121" s="220"/>
    </row>
    <row r="122" spans="1:9">
      <c r="A122" s="25"/>
      <c r="B122" s="219"/>
      <c r="C122" s="220"/>
      <c r="D122" s="220"/>
      <c r="E122" s="220"/>
      <c r="F122" s="220"/>
      <c r="G122" s="220"/>
      <c r="H122" s="220"/>
      <c r="I122" s="220"/>
    </row>
    <row r="123" spans="1:9">
      <c r="A123" s="25">
        <v>7</v>
      </c>
      <c r="B123" s="30" t="s">
        <v>275</v>
      </c>
      <c r="C123" s="220"/>
      <c r="D123" s="220"/>
      <c r="E123" s="220"/>
      <c r="F123" s="220"/>
      <c r="G123" s="220"/>
      <c r="H123" s="220"/>
      <c r="I123" s="220"/>
    </row>
    <row r="124" spans="1:9">
      <c r="A124" s="25"/>
      <c r="B124" s="279" t="s">
        <v>420</v>
      </c>
      <c r="C124" s="220"/>
      <c r="D124" s="220"/>
      <c r="E124" s="220"/>
      <c r="F124" s="220"/>
      <c r="G124" s="220"/>
      <c r="H124" s="220"/>
      <c r="I124" s="220"/>
    </row>
    <row r="125" spans="1:9">
      <c r="A125" s="25"/>
      <c r="B125" s="219"/>
      <c r="C125" s="220"/>
      <c r="D125" s="220"/>
      <c r="E125" s="220"/>
      <c r="F125" s="220"/>
      <c r="G125" s="220"/>
      <c r="H125" s="220"/>
      <c r="I125" s="220"/>
    </row>
    <row r="126" spans="1:9">
      <c r="A126" s="25">
        <v>7</v>
      </c>
      <c r="B126" s="30" t="s">
        <v>15</v>
      </c>
      <c r="C126" s="220"/>
      <c r="D126" s="220"/>
      <c r="E126" s="220"/>
      <c r="F126" s="220"/>
      <c r="G126" s="220"/>
      <c r="H126" s="220"/>
      <c r="I126" s="220"/>
    </row>
    <row r="127" spans="1:9">
      <c r="A127" s="31"/>
      <c r="B127" s="308" t="s">
        <v>26</v>
      </c>
      <c r="C127" s="309"/>
      <c r="D127" s="309"/>
      <c r="E127" s="220"/>
      <c r="F127" s="220"/>
      <c r="G127" s="220"/>
      <c r="H127" s="220"/>
      <c r="I127" s="220"/>
    </row>
    <row r="128" spans="1:9">
      <c r="A128" s="25"/>
      <c r="B128" s="219"/>
      <c r="C128" s="220"/>
      <c r="D128" s="220"/>
      <c r="E128" s="220"/>
      <c r="F128" s="220"/>
      <c r="G128" s="220"/>
      <c r="H128" s="220"/>
      <c r="I128" s="220"/>
    </row>
    <row r="129" spans="1:9">
      <c r="A129" s="25">
        <v>7</v>
      </c>
      <c r="B129" s="30" t="s">
        <v>78</v>
      </c>
      <c r="C129" s="220"/>
      <c r="D129" s="220"/>
      <c r="E129" s="220"/>
      <c r="F129" s="220"/>
      <c r="G129" s="220"/>
      <c r="H129" s="220"/>
      <c r="I129" s="220"/>
    </row>
    <row r="130" spans="1:9">
      <c r="A130" s="31"/>
      <c r="B130" s="219" t="s">
        <v>79</v>
      </c>
      <c r="C130" s="220"/>
      <c r="D130" s="220"/>
      <c r="E130" s="220"/>
      <c r="F130" s="220"/>
      <c r="G130" s="220"/>
      <c r="H130" s="220"/>
      <c r="I130" s="220"/>
    </row>
    <row r="131" spans="1:9">
      <c r="A131" s="31"/>
      <c r="B131" s="219"/>
      <c r="C131" s="220"/>
      <c r="D131" s="220"/>
      <c r="E131" s="220"/>
      <c r="F131" s="220"/>
      <c r="G131" s="220"/>
      <c r="H131" s="220"/>
      <c r="I131" s="220"/>
    </row>
    <row r="132" spans="1:9">
      <c r="A132" s="25">
        <v>7</v>
      </c>
      <c r="B132" s="263" t="s">
        <v>51</v>
      </c>
      <c r="C132" s="25"/>
      <c r="D132" s="25"/>
      <c r="E132" s="220"/>
      <c r="F132" s="220"/>
      <c r="G132" s="220"/>
      <c r="H132" s="220"/>
      <c r="I132" s="220"/>
    </row>
    <row r="133" spans="1:9">
      <c r="A133" s="25"/>
      <c r="B133" s="25" t="s">
        <v>27</v>
      </c>
      <c r="C133" s="25"/>
      <c r="D133" s="25"/>
      <c r="E133" s="220"/>
      <c r="F133" s="220"/>
      <c r="G133" s="220"/>
      <c r="H133" s="220"/>
      <c r="I133" s="220"/>
    </row>
    <row r="134" spans="1:9">
      <c r="A134" s="25"/>
      <c r="B134" s="25"/>
      <c r="C134" s="25"/>
      <c r="D134" s="25"/>
      <c r="E134" s="220"/>
      <c r="F134" s="220"/>
      <c r="G134" s="220"/>
      <c r="H134" s="220"/>
      <c r="I134" s="220"/>
    </row>
    <row r="135" spans="1:9">
      <c r="A135" s="25">
        <v>7</v>
      </c>
      <c r="B135" s="263" t="s">
        <v>52</v>
      </c>
      <c r="C135" s="25"/>
      <c r="D135" s="25"/>
      <c r="E135" s="220"/>
      <c r="F135" s="220"/>
      <c r="G135" s="220"/>
      <c r="H135" s="220"/>
      <c r="I135" s="220"/>
    </row>
    <row r="136" spans="1:9">
      <c r="A136" s="25"/>
      <c r="B136" s="25" t="s">
        <v>80</v>
      </c>
      <c r="C136" s="25"/>
      <c r="D136" s="25"/>
      <c r="E136" s="220"/>
      <c r="F136" s="220"/>
      <c r="G136" s="220"/>
      <c r="H136" s="220"/>
      <c r="I136" s="220"/>
    </row>
    <row r="137" spans="1:9">
      <c r="A137" s="31"/>
      <c r="B137" s="219"/>
      <c r="C137" s="220"/>
      <c r="D137" s="220"/>
      <c r="E137" s="220"/>
      <c r="F137" s="220"/>
      <c r="G137" s="220"/>
      <c r="H137" s="220"/>
      <c r="I137" s="220"/>
    </row>
    <row r="138" spans="1:9">
      <c r="A138" s="25">
        <v>7</v>
      </c>
      <c r="B138" s="263" t="s">
        <v>16</v>
      </c>
      <c r="C138" s="220"/>
      <c r="D138" s="220"/>
      <c r="E138" s="220"/>
      <c r="F138" s="220"/>
      <c r="G138" s="220"/>
      <c r="H138" s="220"/>
      <c r="I138" s="220"/>
    </row>
    <row r="139" spans="1:9">
      <c r="A139" s="31"/>
      <c r="B139" s="308" t="s">
        <v>28</v>
      </c>
      <c r="C139" s="309"/>
      <c r="D139" s="309"/>
      <c r="E139" s="220"/>
      <c r="F139" s="220"/>
      <c r="G139" s="220"/>
      <c r="H139" s="220"/>
      <c r="I139" s="220"/>
    </row>
    <row r="140" spans="1:9">
      <c r="A140" s="31"/>
      <c r="B140" s="219"/>
      <c r="C140" s="220"/>
      <c r="D140" s="220"/>
      <c r="E140" s="220"/>
      <c r="F140" s="220"/>
      <c r="G140" s="220"/>
      <c r="H140" s="220"/>
      <c r="I140" s="220"/>
    </row>
    <row r="141" spans="1:9">
      <c r="A141" s="25">
        <v>7</v>
      </c>
      <c r="B141" s="30" t="s">
        <v>53</v>
      </c>
      <c r="C141" s="220"/>
      <c r="D141" s="220"/>
      <c r="E141" s="220"/>
      <c r="F141" s="220"/>
      <c r="G141" s="220"/>
      <c r="H141" s="220"/>
      <c r="I141" s="220"/>
    </row>
    <row r="142" spans="1:9">
      <c r="A142" s="31"/>
      <c r="B142" s="25" t="s">
        <v>81</v>
      </c>
      <c r="C142" s="220"/>
      <c r="D142" s="220"/>
      <c r="E142" s="220"/>
      <c r="F142" s="220"/>
      <c r="G142" s="220"/>
      <c r="H142" s="220"/>
      <c r="I142" s="220"/>
    </row>
    <row r="143" spans="1:9">
      <c r="A143" s="31"/>
      <c r="B143" s="219"/>
      <c r="C143" s="220"/>
      <c r="D143" s="220"/>
      <c r="E143" s="220"/>
      <c r="F143" s="220"/>
      <c r="G143" s="220"/>
      <c r="H143" s="220"/>
      <c r="I143" s="220"/>
    </row>
    <row r="144" spans="1:9">
      <c r="A144" s="233" t="s">
        <v>54</v>
      </c>
      <c r="B144" s="34"/>
      <c r="C144" s="34"/>
      <c r="D144" s="34"/>
      <c r="E144" s="220"/>
      <c r="F144" s="220"/>
      <c r="G144" s="220"/>
      <c r="H144" s="220"/>
      <c r="I144" s="220"/>
    </row>
    <row r="145" spans="1:9">
      <c r="A145" s="31"/>
      <c r="B145" s="30"/>
      <c r="C145" s="220"/>
      <c r="D145" s="220"/>
      <c r="E145" s="220"/>
      <c r="F145" s="220"/>
      <c r="G145" s="220"/>
      <c r="H145" s="220"/>
      <c r="I145" s="220"/>
    </row>
    <row r="146" spans="1:9">
      <c r="A146" s="25">
        <v>8</v>
      </c>
      <c r="B146" s="232" t="s">
        <v>17</v>
      </c>
      <c r="C146" s="220"/>
      <c r="D146" s="220"/>
      <c r="E146" s="220"/>
      <c r="F146" s="220"/>
      <c r="G146" s="220"/>
      <c r="H146" s="220"/>
      <c r="I146" s="220"/>
    </row>
    <row r="147" spans="1:9">
      <c r="A147" s="31"/>
      <c r="B147" s="308" t="s">
        <v>29</v>
      </c>
      <c r="C147" s="309"/>
      <c r="D147" s="309"/>
      <c r="E147" s="220"/>
      <c r="F147" s="220"/>
      <c r="G147" s="220"/>
      <c r="H147" s="220"/>
      <c r="I147" s="220"/>
    </row>
    <row r="148" spans="1:9">
      <c r="A148" s="31"/>
      <c r="B148" s="308"/>
      <c r="C148" s="309"/>
      <c r="D148" s="309"/>
      <c r="E148" s="220"/>
      <c r="F148" s="220"/>
      <c r="G148" s="220"/>
      <c r="H148" s="220"/>
      <c r="I148" s="220"/>
    </row>
    <row r="149" spans="1:9">
      <c r="A149" s="22">
        <v>8</v>
      </c>
      <c r="B149" s="26" t="s">
        <v>55</v>
      </c>
      <c r="C149" s="220"/>
      <c r="D149" s="220"/>
      <c r="E149" s="220"/>
      <c r="F149" s="220"/>
      <c r="G149" s="220"/>
      <c r="H149" s="220"/>
      <c r="I149" s="220"/>
    </row>
    <row r="150" spans="1:9">
      <c r="A150" s="22"/>
      <c r="B150" s="25" t="s">
        <v>177</v>
      </c>
      <c r="C150" s="220"/>
      <c r="D150" s="220"/>
      <c r="E150" s="220"/>
      <c r="F150" s="220"/>
      <c r="G150" s="220"/>
      <c r="H150" s="220"/>
      <c r="I150" s="220"/>
    </row>
    <row r="151" spans="1:9">
      <c r="A151" s="22"/>
      <c r="B151" s="220"/>
      <c r="C151" s="220"/>
      <c r="D151" s="220"/>
      <c r="E151" s="220"/>
      <c r="F151" s="220"/>
      <c r="G151" s="220"/>
      <c r="H151" s="220"/>
      <c r="I151" s="220"/>
    </row>
    <row r="152" spans="1:9">
      <c r="A152" s="22"/>
      <c r="B152" s="220"/>
      <c r="C152" s="220"/>
      <c r="D152" s="220"/>
      <c r="E152" s="220"/>
      <c r="F152" s="220"/>
      <c r="G152" s="220"/>
      <c r="H152" s="220"/>
      <c r="I152" s="220"/>
    </row>
  </sheetData>
  <mergeCells count="30">
    <mergeCell ref="B148:D148"/>
    <mergeCell ref="B116:D116"/>
    <mergeCell ref="B110:D110"/>
    <mergeCell ref="B115:D115"/>
    <mergeCell ref="B139:D139"/>
    <mergeCell ref="B147:D147"/>
    <mergeCell ref="B127:D127"/>
    <mergeCell ref="A1:D1"/>
    <mergeCell ref="B8:F8"/>
    <mergeCell ref="B52:D52"/>
    <mergeCell ref="B53:D53"/>
    <mergeCell ref="B35:E35"/>
    <mergeCell ref="B11:D11"/>
    <mergeCell ref="B22:G22"/>
    <mergeCell ref="A30:C30"/>
    <mergeCell ref="B44:C44"/>
    <mergeCell ref="B63:C63"/>
    <mergeCell ref="B98:D98"/>
    <mergeCell ref="B99:D99"/>
    <mergeCell ref="B78:D78"/>
    <mergeCell ref="B64:E64"/>
    <mergeCell ref="B108:D108"/>
    <mergeCell ref="B73:D73"/>
    <mergeCell ref="B85:D85"/>
    <mergeCell ref="B67:E67"/>
    <mergeCell ref="B93:D93"/>
    <mergeCell ref="B84:D84"/>
    <mergeCell ref="B92:D92"/>
    <mergeCell ref="B68:E68"/>
    <mergeCell ref="B87:D87"/>
  </mergeCells>
  <hyperlinks>
    <hyperlink ref="A34:B34" location="'02'!A29" display="'02'!A29" xr:uid="{00000000-0004-0000-0300-000000000000}"/>
    <hyperlink ref="A43:B43" location="'02'!A42" display="'02'!A42" xr:uid="{00000000-0004-0000-0300-000001000000}"/>
    <hyperlink ref="A66:B66" location="'02'!A55" display="'02'!A55" xr:uid="{00000000-0004-0000-0300-000002000000}"/>
    <hyperlink ref="A72:B72" location="'02'!A68" display="'02'!A68" xr:uid="{00000000-0004-0000-0300-000003000000}"/>
    <hyperlink ref="B7" location="'1 IndividualWellbeing'!A3" display="Global Life Satisfaction" xr:uid="{00000000-0004-0000-0300-000005000000}"/>
    <hyperlink ref="B51" location="'4 HumanCapital'!A3" display="General health" xr:uid="{00000000-0004-0000-0300-000006000000}"/>
    <hyperlink ref="B62" location="'4 HumanCapital'!A90" display="K6 psychological distress" xr:uid="{00000000-0004-0000-0300-000007000000}"/>
    <hyperlink ref="B34" location="'3 FinancialCapital'!A3" display="Household financial wellbeing" xr:uid="{00000000-0004-0000-0300-000008000000}"/>
    <hyperlink ref="B43" location="'3 FinancialCapital'!A90" display="Community economic wellbeing" xr:uid="{00000000-0004-0000-0300-000009000000}"/>
    <hyperlink ref="B66" location="'4 HumanCapital'!A119" display="Self-efficacy" xr:uid="{00000000-0004-0000-0300-00000A000000}"/>
    <hyperlink ref="B72" location="'4 HumanCapital'!A177" display="Community leadership and collaboration" xr:uid="{00000000-0004-0000-0300-00000B000000}"/>
    <hyperlink ref="A77:B77" location="'02'!A68" display="'02'!A68" xr:uid="{00000000-0004-0000-0300-00000C000000}"/>
    <hyperlink ref="B77" location="'5 InstitutionalCapital'!A3" display="Having a say and being heard" xr:uid="{00000000-0004-0000-0300-00000D000000}"/>
    <hyperlink ref="A83:B83" location="'02'!A68" display="'02'!A68" xr:uid="{00000000-0004-0000-0300-00000E000000}"/>
    <hyperlink ref="B83" location="'5 InstitutionalCapital'!A61" display="Contributing to local governance" xr:uid="{00000000-0004-0000-0300-00000F000000}"/>
    <hyperlink ref="A91:B91" location="'02'!A68" display="'02'!A68" xr:uid="{00000000-0004-0000-0300-000010000000}"/>
    <hyperlink ref="B91" location="'6 SocialCapital'!A3" display="Spending time with friends and family" xr:uid="{00000000-0004-0000-0300-000011000000}"/>
    <hyperlink ref="A97:B97" location="'02'!A68" display="'02'!A68" xr:uid="{00000000-0004-0000-0300-000012000000}"/>
    <hyperlink ref="B97" location="'6 SocialCapital'!A61" display="Getting involved in the community" xr:uid="{00000000-0004-0000-0300-000013000000}"/>
    <hyperlink ref="B109" location="'6 SocialCapital'!A177" display="Sense of belonging" xr:uid="{00000000-0004-0000-0300-000014000000}"/>
    <hyperlink ref="A114:B114" location="'02'!A68" display="'02'!A68" xr:uid="{00000000-0004-0000-0300-000015000000}"/>
    <hyperlink ref="B114" location="'7 PhysicalCapital'!A3" display="Access to health, education, aged care and child care " xr:uid="{00000000-0004-0000-0300-000016000000}"/>
    <hyperlink ref="B126" location="'7 PhysicalCapital'!A119" display="Access to telecommunications" xr:uid="{00000000-0004-0000-0300-000017000000}"/>
    <hyperlink ref="B132" location="'7 PhysicalCapital'!A177" display="Crime and safety in the local community" xr:uid="{00000000-0004-0000-0300-000018000000}"/>
    <hyperlink ref="B138" location="'7 PhysicalCapital'!A235" display="Landscape and aesthetics" xr:uid="{00000000-0004-0000-0300-000019000000}"/>
    <hyperlink ref="B146" location="'8 NaturalCapital'!A3" display="Perceived environmental health" xr:uid="{00000000-0004-0000-0300-00001A000000}"/>
    <hyperlink ref="B10" location="'1 IndividualWellbeing'!A32" display="Personal Wellbeing Index" xr:uid="{00000000-0004-0000-0300-00001B000000}"/>
    <hyperlink ref="B21" location="'2 CommunityWellbeing'!A3" display="Community wellbeing measures" xr:uid="{00000000-0004-0000-0300-00001C000000}"/>
    <hyperlink ref="B13" location="'1 IndividualWellbeing'!A61" display="Personal wellbeing domains" xr:uid="{00000000-0004-0000-0300-00001D000000}"/>
    <hyperlink ref="B16" location="'1 IndividualWellbeing'!A90" display="Eudaimonic wellbeing" xr:uid="{00000000-0004-0000-0300-00001E000000}"/>
    <hyperlink ref="B24" location="'2 CommunityWellbeing'!A32" display="Changes in community liveability" xr:uid="{00000000-0004-0000-0300-00001F000000}"/>
    <hyperlink ref="B27" location="'2 CommunityWellbeing'!A61" display="Migration" xr:uid="{00000000-0004-0000-0300-000020000000}"/>
    <hyperlink ref="A5" location="'1 IndividualWellbeing'!A1" display="Wellbeing of people" xr:uid="{00000000-0004-0000-0300-000021000000}"/>
    <hyperlink ref="A19" location="'2 CommunityWellbeing'!A1" display="Wellbeing of communities" xr:uid="{00000000-0004-0000-0300-000022000000}"/>
    <hyperlink ref="A32" location="'3 FinancialCapital'!A1" display="Financial capital" xr:uid="{00000000-0004-0000-0300-000023000000}"/>
    <hyperlink ref="A49" location="'4 HumanCapital'!A1" display="Human capital" xr:uid="{00000000-0004-0000-0300-000024000000}"/>
    <hyperlink ref="B37" location="'3 FinancialCapital'!A32" display="Household financial measures" xr:uid="{00000000-0004-0000-0300-000025000000}"/>
    <hyperlink ref="B40" location="'3 FinancialCapital'!A61" display="Financial distress" xr:uid="{00000000-0004-0000-0300-000026000000}"/>
    <hyperlink ref="B46" location="'3 FinancialCapital'!A119" display="Community economic measures" xr:uid="{00000000-0004-0000-0300-000027000000}"/>
    <hyperlink ref="B69" location="'4 HumanCapital'!A148" display="Self-efficacy measures" xr:uid="{00000000-0004-0000-0300-000028000000}"/>
    <hyperlink ref="A75" location="'5 InstitutionalCapital'!A1" display="Institutional Capital" xr:uid="{00000000-0004-0000-0300-00002A000000}"/>
    <hyperlink ref="B80" location="'5 InstitutionalCapital'!A32" display="Having a say and being heard measures" xr:uid="{00000000-0004-0000-0300-00002B000000}"/>
    <hyperlink ref="A89" location="'6 SocialCapital'!A1" display="Social capital" xr:uid="{00000000-0004-0000-0300-00002D000000}"/>
    <hyperlink ref="B94" location="'6 SocialCapital'!A32" display="Spending time with friends and family measures" xr:uid="{00000000-0004-0000-0300-00002E000000}"/>
    <hyperlink ref="B100" location="'6 SocialCapital'!A90" display="Getting involved measures" xr:uid="{00000000-0004-0000-0300-00002F000000}"/>
    <hyperlink ref="B106" location="'6 SocialCapital'!A148" display="Volunteering" xr:uid="{00000000-0004-0000-0300-000030000000}"/>
    <hyperlink ref="A112" location="'7 PhysicalCapital'!A1" display="Physical capital" xr:uid="{00000000-0004-0000-0300-000032000000}"/>
    <hyperlink ref="B117" location="'7 PhysicalCapital'!A32" display="Access to roads and public transport " xr:uid="{00000000-0004-0000-0300-000034000000}"/>
    <hyperlink ref="B120" location="'7 PhysicalCapital'!A61" display="Access to food and retail shops" xr:uid="{00000000-0004-0000-0300-000036000000}"/>
    <hyperlink ref="B123" location="'7 PhysicalCapital'!A90" display="Access to local government services" xr:uid="{00000000-0004-0000-0300-000037000000}"/>
    <hyperlink ref="B129" location="'7 PhysicalCapital'!A148" display="Access to telecommunications measures" xr:uid="{00000000-0004-0000-0300-00003A000000}"/>
    <hyperlink ref="B135" location="'7 PhysicalCapital'!A206" display="Crime and safety in the local community measures" xr:uid="{00000000-0004-0000-0300-00003B000000}"/>
    <hyperlink ref="B141" location="'7 PhysicalCapital'!A264" display="Landscape and aesthetics measures" xr:uid="{00000000-0004-0000-0300-00003C000000}"/>
    <hyperlink ref="A144" location="'8 NaturalCapital'!A1" display="Natural capital" xr:uid="{00000000-0004-0000-0300-00003D000000}"/>
    <hyperlink ref="B149" location="'8 NaturalCapital'!A32" display="Perceived environmental health measures" xr:uid="{00000000-0004-0000-0300-00003E000000}"/>
    <hyperlink ref="B55" location="'4 HumanCapital'!A32" display="Wellbeing - Emotional Affect Index  " xr:uid="{0A2BC5AA-49A5-471A-B57E-08158437E4BE}"/>
    <hyperlink ref="B59" location="'4 HumanCapital'!A61" display="Wellbeing - Emotional Affect individual measures" xr:uid="{117F2F2D-1F22-4748-A68F-D44B59701561}"/>
    <hyperlink ref="B86" location="'5 InstitutionalCapital'!A90" display="Equity and inclusion" xr:uid="{2B553CC1-7F91-4CC8-AD15-4FA43EFFA364}"/>
    <hyperlink ref="B103" location="'6 SocialCapital'!A119" display="Quality of community events" xr:uid="{DB1F4B2B-B0C4-4C2E-9067-83CA6D2D488B}"/>
  </hyperlinks>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AX147"/>
  <sheetViews>
    <sheetView zoomScaleNormal="100" zoomScalePageLayoutView="75" workbookViewId="0"/>
  </sheetViews>
  <sheetFormatPr defaultColWidth="20.28515625" defaultRowHeight="15"/>
  <cols>
    <col min="1" max="1" width="45.42578125" style="1" customWidth="1"/>
    <col min="2" max="4" width="20.28515625" style="1" customWidth="1"/>
    <col min="5" max="6" width="20.28515625" style="5" customWidth="1"/>
    <col min="7" max="16384" width="20.28515625" style="1"/>
  </cols>
  <sheetData>
    <row r="1" spans="1:8" ht="31.5">
      <c r="A1" s="33" t="s">
        <v>63</v>
      </c>
    </row>
    <row r="3" spans="1:8" ht="18.75">
      <c r="A3" s="316" t="s">
        <v>82</v>
      </c>
      <c r="B3" s="316"/>
      <c r="C3" s="316"/>
      <c r="D3" s="316"/>
      <c r="E3" s="316"/>
      <c r="F3" s="316"/>
      <c r="G3" s="316"/>
      <c r="H3" s="316"/>
    </row>
    <row r="4" spans="1:8" ht="63" customHeight="1">
      <c r="A4" s="315" t="s">
        <v>83</v>
      </c>
      <c r="B4" s="315"/>
      <c r="C4" s="315"/>
      <c r="D4" s="315"/>
      <c r="E4" s="315"/>
      <c r="F4" s="315"/>
      <c r="G4" s="315"/>
      <c r="H4" s="315"/>
    </row>
    <row r="5" spans="1:8" ht="40.5" customHeight="1">
      <c r="A5" s="322" t="s">
        <v>84</v>
      </c>
      <c r="B5" s="323"/>
      <c r="C5" s="323"/>
      <c r="D5" s="323"/>
      <c r="E5" s="323"/>
      <c r="F5" s="323"/>
      <c r="G5" s="323"/>
      <c r="H5" s="323"/>
    </row>
    <row r="6" spans="1:8" ht="45" customHeight="1">
      <c r="A6" s="37" t="s">
        <v>85</v>
      </c>
      <c r="B6" s="38" t="s">
        <v>86</v>
      </c>
      <c r="C6" s="39" t="s">
        <v>87</v>
      </c>
      <c r="D6" s="40" t="s">
        <v>88</v>
      </c>
      <c r="E6" s="38" t="s">
        <v>409</v>
      </c>
      <c r="F6" s="40" t="s">
        <v>413</v>
      </c>
      <c r="G6" s="39" t="s">
        <v>411</v>
      </c>
      <c r="H6" s="40" t="s">
        <v>413</v>
      </c>
    </row>
    <row r="7" spans="1:8" ht="60">
      <c r="A7" s="41"/>
      <c r="B7" s="42" t="s">
        <v>89</v>
      </c>
      <c r="C7" s="43" t="s">
        <v>90</v>
      </c>
      <c r="D7" s="44" t="s">
        <v>91</v>
      </c>
      <c r="E7" s="42" t="s">
        <v>410</v>
      </c>
      <c r="F7" s="91" t="s">
        <v>104</v>
      </c>
      <c r="G7" s="126" t="s">
        <v>412</v>
      </c>
      <c r="H7" s="91" t="s">
        <v>104</v>
      </c>
    </row>
    <row r="8" spans="1:8">
      <c r="A8" s="45" t="s">
        <v>435</v>
      </c>
      <c r="B8" s="46">
        <v>10765</v>
      </c>
      <c r="C8" s="47">
        <v>71.107271693621257</v>
      </c>
      <c r="D8" s="48">
        <v>0.37240000000000001</v>
      </c>
      <c r="E8" s="284">
        <v>0.21129637167984341</v>
      </c>
      <c r="F8" s="282">
        <v>7.8691150813056249E-3</v>
      </c>
      <c r="G8" s="284">
        <v>0.44223960828991737</v>
      </c>
      <c r="H8" s="282">
        <v>9.5718777259957942E-3</v>
      </c>
    </row>
    <row r="9" spans="1:8">
      <c r="A9" s="49" t="s">
        <v>436</v>
      </c>
      <c r="B9" s="50">
        <v>8628</v>
      </c>
      <c r="C9" s="51">
        <v>72.033155499690523</v>
      </c>
      <c r="D9" s="52">
        <v>0.41845088882719866</v>
      </c>
      <c r="E9" s="285">
        <v>0.18847712507970982</v>
      </c>
      <c r="F9" s="283">
        <v>8.4213478982355459E-3</v>
      </c>
      <c r="G9" s="285">
        <v>0.47128157181724678</v>
      </c>
      <c r="H9" s="283">
        <v>1.0745519058104679E-2</v>
      </c>
    </row>
    <row r="10" spans="1:8" s="5" customFormat="1">
      <c r="A10" s="45" t="s">
        <v>437</v>
      </c>
      <c r="B10" s="46">
        <v>1973</v>
      </c>
      <c r="C10" s="47">
        <v>68.900000000000006</v>
      </c>
      <c r="D10" s="48">
        <v>0.98</v>
      </c>
      <c r="E10" s="284">
        <v>0.252</v>
      </c>
      <c r="F10" s="282">
        <v>1.9541772765066311E-2</v>
      </c>
      <c r="G10" s="284">
        <v>0.37</v>
      </c>
      <c r="H10" s="282">
        <v>2.1720080486313968E-2</v>
      </c>
    </row>
    <row r="11" spans="1:8" s="5" customFormat="1">
      <c r="A11" s="49" t="s">
        <v>438</v>
      </c>
      <c r="B11" s="50">
        <v>1254</v>
      </c>
      <c r="C11" s="51">
        <v>70.432714112765495</v>
      </c>
      <c r="D11" s="52">
        <v>1.1563999999999999</v>
      </c>
      <c r="E11" s="285">
        <v>0.23050759786456332</v>
      </c>
      <c r="F11" s="283">
        <v>2.3779255262172221E-2</v>
      </c>
      <c r="G11" s="285">
        <v>0.44033739802023059</v>
      </c>
      <c r="H11" s="283">
        <v>2.7994036082337075E-2</v>
      </c>
    </row>
    <row r="12" spans="1:8" s="5" customFormat="1">
      <c r="A12" s="45" t="s">
        <v>439</v>
      </c>
      <c r="B12" s="46">
        <v>896</v>
      </c>
      <c r="C12" s="47">
        <v>69.473623823605806</v>
      </c>
      <c r="D12" s="48">
        <v>1.3719999999999999</v>
      </c>
      <c r="E12" s="284">
        <v>0.23</v>
      </c>
      <c r="F12" s="282">
        <v>2.8106666666666665E-2</v>
      </c>
      <c r="G12" s="284">
        <v>0.42199999999999999</v>
      </c>
      <c r="H12" s="282">
        <v>3.2928876879468723E-2</v>
      </c>
    </row>
    <row r="13" spans="1:8" s="5" customFormat="1">
      <c r="A13" s="49" t="s">
        <v>444</v>
      </c>
      <c r="B13" s="50">
        <v>102</v>
      </c>
      <c r="C13" s="51">
        <v>70.037855094538955</v>
      </c>
      <c r="D13" s="52">
        <v>3.8807999999999998</v>
      </c>
      <c r="E13" s="285">
        <v>0.25802460316288756</v>
      </c>
      <c r="F13" s="283">
        <v>8.5953817205079011E-2</v>
      </c>
      <c r="G13" s="285">
        <v>0.36898127284681337</v>
      </c>
      <c r="H13" s="283">
        <v>9.3990202043015586E-2</v>
      </c>
    </row>
    <row r="14" spans="1:8" s="5" customFormat="1">
      <c r="A14" s="45" t="s">
        <v>445</v>
      </c>
      <c r="B14" s="46">
        <v>301</v>
      </c>
      <c r="C14" s="47">
        <v>71.015161523738371</v>
      </c>
      <c r="D14" s="48">
        <v>2.3519999999999999</v>
      </c>
      <c r="E14" s="284">
        <v>0.19389454081800755</v>
      </c>
      <c r="F14" s="282">
        <v>4.5627292819692127E-2</v>
      </c>
      <c r="G14" s="284">
        <v>0.47327435308386218</v>
      </c>
      <c r="H14" s="282">
        <v>5.7180112516625504E-2</v>
      </c>
    </row>
    <row r="15" spans="1:8" s="5" customFormat="1">
      <c r="A15" s="49" t="s">
        <v>440</v>
      </c>
      <c r="B15" s="50">
        <v>103</v>
      </c>
      <c r="C15" s="51">
        <v>68.848308393984553</v>
      </c>
      <c r="D15" s="52">
        <v>3.9787999999999997</v>
      </c>
      <c r="E15" s="285">
        <v>0.21859559864850747</v>
      </c>
      <c r="F15" s="283">
        <v>8.1256839301450334E-2</v>
      </c>
      <c r="G15" s="285">
        <v>0.47381905115604672</v>
      </c>
      <c r="H15" s="283">
        <v>9.6550765885951406E-2</v>
      </c>
    </row>
    <row r="16" spans="1:8" s="5" customFormat="1">
      <c r="A16" s="45" t="s">
        <v>441</v>
      </c>
      <c r="B16" s="46">
        <v>95</v>
      </c>
      <c r="C16" s="47">
        <v>78.084489979969646</v>
      </c>
      <c r="D16" s="48">
        <v>4.0964</v>
      </c>
      <c r="E16" s="284">
        <v>0.10250315517456306</v>
      </c>
      <c r="F16" s="282">
        <v>6.4980587156897696E-2</v>
      </c>
      <c r="G16" s="284">
        <v>0.57195389664305374</v>
      </c>
      <c r="H16" s="282">
        <v>9.9540876851820059E-2</v>
      </c>
    </row>
    <row r="17" spans="1:8" s="5" customFormat="1">
      <c r="A17" s="49" t="s">
        <v>442</v>
      </c>
      <c r="B17" s="50">
        <v>79</v>
      </c>
      <c r="C17" s="51">
        <v>67.424232383514948</v>
      </c>
      <c r="D17" s="52">
        <v>4.508</v>
      </c>
      <c r="E17" s="285">
        <v>0.26779841810065858</v>
      </c>
      <c r="F17" s="283">
        <v>9.8458987641101739E-2</v>
      </c>
      <c r="G17" s="285">
        <v>0.45209540360861611</v>
      </c>
      <c r="H17" s="283">
        <v>0.10930690961332612</v>
      </c>
    </row>
    <row r="18" spans="1:8" s="5" customFormat="1">
      <c r="A18" s="45" t="s">
        <v>446</v>
      </c>
      <c r="B18" s="46">
        <v>116</v>
      </c>
      <c r="C18" s="47">
        <v>75.390232635933856</v>
      </c>
      <c r="D18" s="48">
        <v>3.3515999999999999</v>
      </c>
      <c r="E18" s="284">
        <v>0.13031414151552176</v>
      </c>
      <c r="F18" s="282">
        <v>6.3846610118191011E-2</v>
      </c>
      <c r="G18" s="284">
        <v>0.56325220930194075</v>
      </c>
      <c r="H18" s="282">
        <v>9.060195646107129E-2</v>
      </c>
    </row>
    <row r="19" spans="1:8" s="5" customFormat="1">
      <c r="A19" s="49" t="s">
        <v>447</v>
      </c>
      <c r="B19" s="50">
        <v>107</v>
      </c>
      <c r="C19" s="51">
        <v>69.324088191692624</v>
      </c>
      <c r="D19" s="52">
        <v>4.3512000000000004</v>
      </c>
      <c r="E19" s="285">
        <v>0.29654850557063422</v>
      </c>
      <c r="F19" s="283">
        <v>8.7309531439754437E-2</v>
      </c>
      <c r="G19" s="285">
        <v>0.47466056366325476</v>
      </c>
      <c r="H19" s="283">
        <v>9.4802469975336492E-2</v>
      </c>
    </row>
    <row r="20" spans="1:8" ht="28.5" customHeight="1">
      <c r="A20" s="45" t="s">
        <v>448</v>
      </c>
      <c r="B20" s="46">
        <v>149</v>
      </c>
      <c r="C20" s="47">
        <v>71.700870807784213</v>
      </c>
      <c r="D20" s="48">
        <v>2.6459999999999999</v>
      </c>
      <c r="E20" s="284">
        <v>0.20189725436997069</v>
      </c>
      <c r="F20" s="282">
        <v>6.5822213050836076E-2</v>
      </c>
      <c r="G20" s="284">
        <v>0.40713138247774933</v>
      </c>
      <c r="H20" s="282">
        <v>7.9511660415993404E-2</v>
      </c>
    </row>
    <row r="21" spans="1:8">
      <c r="A21" s="49" t="s">
        <v>449</v>
      </c>
      <c r="B21" s="50">
        <v>194</v>
      </c>
      <c r="C21" s="51">
        <v>70.035436118555452</v>
      </c>
      <c r="D21" s="52">
        <v>3.0771999999999999</v>
      </c>
      <c r="E21" s="285">
        <v>0.25443526522761795</v>
      </c>
      <c r="F21" s="283">
        <v>6.2297720581720069E-2</v>
      </c>
      <c r="G21" s="285">
        <v>0.4350156527244749</v>
      </c>
      <c r="H21" s="283">
        <v>7.0488330718454284E-2</v>
      </c>
    </row>
    <row r="22" spans="1:8">
      <c r="A22" s="57" t="s">
        <v>450</v>
      </c>
      <c r="B22" s="46">
        <v>132</v>
      </c>
      <c r="C22" s="47">
        <v>69.444331107557787</v>
      </c>
      <c r="D22" s="48">
        <v>3.6847999999999996</v>
      </c>
      <c r="E22" s="284">
        <v>0.2095309311033039</v>
      </c>
      <c r="F22" s="282">
        <v>7.0818286294653643E-2</v>
      </c>
      <c r="G22" s="284">
        <v>0.40939882471397876</v>
      </c>
      <c r="H22" s="282">
        <v>8.4412708728892019E-2</v>
      </c>
    </row>
    <row r="23" spans="1:8">
      <c r="A23" s="49" t="s">
        <v>443</v>
      </c>
      <c r="B23" s="50">
        <v>74</v>
      </c>
      <c r="C23" s="51">
        <v>71.539037708830477</v>
      </c>
      <c r="D23" s="52">
        <v>5.0568</v>
      </c>
      <c r="E23" s="285">
        <v>0.16290375255844297</v>
      </c>
      <c r="F23" s="283">
        <v>8.7037285545999252E-2</v>
      </c>
      <c r="G23" s="285">
        <v>0.48037766872231979</v>
      </c>
      <c r="H23" s="283">
        <v>0.11314919635302768</v>
      </c>
    </row>
    <row r="24" spans="1:8">
      <c r="A24" s="57" t="s">
        <v>451</v>
      </c>
      <c r="B24" s="46">
        <v>152</v>
      </c>
      <c r="C24" s="47">
        <v>66.959784215307451</v>
      </c>
      <c r="D24" s="48">
        <v>3.6847999999999996</v>
      </c>
      <c r="E24" s="284">
        <v>0.31493114078480061</v>
      </c>
      <c r="F24" s="282">
        <v>7.467595534468327E-2</v>
      </c>
      <c r="G24" s="284">
        <v>0.4382891311835922</v>
      </c>
      <c r="H24" s="282">
        <v>7.9483034605869182E-2</v>
      </c>
    </row>
    <row r="25" spans="1:8" s="5" customFormat="1"/>
    <row r="26" spans="1:8" s="5" customFormat="1"/>
    <row r="27" spans="1:8" s="5" customFormat="1"/>
    <row r="28" spans="1:8" s="5" customFormat="1"/>
    <row r="29" spans="1:8" s="5" customFormat="1"/>
    <row r="30" spans="1:8" s="5" customFormat="1"/>
    <row r="32" spans="1:8" ht="18.75">
      <c r="A32" s="316" t="s">
        <v>7</v>
      </c>
      <c r="B32" s="316"/>
      <c r="C32" s="316"/>
      <c r="D32" s="316"/>
      <c r="E32" s="316"/>
      <c r="F32" s="316"/>
      <c r="G32" s="316"/>
      <c r="H32" s="316"/>
    </row>
    <row r="33" spans="1:8" ht="115.5" customHeight="1">
      <c r="A33" s="317" t="s">
        <v>290</v>
      </c>
      <c r="B33" s="317"/>
      <c r="C33" s="317"/>
      <c r="D33" s="317"/>
      <c r="E33" s="317"/>
      <c r="F33" s="317"/>
      <c r="G33" s="317"/>
      <c r="H33" s="317"/>
    </row>
    <row r="34" spans="1:8" ht="39.75" customHeight="1">
      <c r="A34" s="322" t="s">
        <v>92</v>
      </c>
      <c r="B34" s="323"/>
      <c r="C34" s="323"/>
      <c r="D34" s="323"/>
      <c r="E34" s="323"/>
      <c r="F34" s="323"/>
      <c r="G34" s="323"/>
      <c r="H34" s="323"/>
    </row>
    <row r="35" spans="1:8" ht="45" customHeight="1">
      <c r="A35" s="37" t="s">
        <v>85</v>
      </c>
      <c r="B35" s="38" t="s">
        <v>86</v>
      </c>
      <c r="C35" s="39" t="s">
        <v>87</v>
      </c>
      <c r="D35" s="40" t="s">
        <v>88</v>
      </c>
      <c r="E35" s="38" t="s">
        <v>409</v>
      </c>
      <c r="F35" s="40" t="s">
        <v>413</v>
      </c>
      <c r="G35" s="39" t="s">
        <v>411</v>
      </c>
      <c r="H35" s="40" t="s">
        <v>413</v>
      </c>
    </row>
    <row r="36" spans="1:8" ht="87" customHeight="1">
      <c r="A36" s="41"/>
      <c r="B36" s="42" t="s">
        <v>89</v>
      </c>
      <c r="C36" s="43" t="s">
        <v>90</v>
      </c>
      <c r="D36" s="44" t="s">
        <v>91</v>
      </c>
      <c r="E36" s="42" t="s">
        <v>410</v>
      </c>
      <c r="F36" s="91" t="s">
        <v>104</v>
      </c>
      <c r="G36" s="126" t="s">
        <v>412</v>
      </c>
      <c r="H36" s="91" t="s">
        <v>104</v>
      </c>
    </row>
    <row r="37" spans="1:8">
      <c r="A37" s="45" t="s">
        <v>435</v>
      </c>
      <c r="B37" s="58">
        <v>10728</v>
      </c>
      <c r="C37" s="59">
        <v>69.8</v>
      </c>
      <c r="D37" s="60">
        <v>0.3332</v>
      </c>
      <c r="E37" s="286">
        <v>0.26500000000000001</v>
      </c>
      <c r="F37" s="287">
        <v>8.5212273349339705E-3</v>
      </c>
      <c r="G37" s="286">
        <v>0.32600000000000001</v>
      </c>
      <c r="H37" s="287">
        <v>9.0500444183065909E-3</v>
      </c>
    </row>
    <row r="38" spans="1:8" s="5" customFormat="1">
      <c r="A38" s="49" t="s">
        <v>436</v>
      </c>
      <c r="B38" s="61">
        <v>8596</v>
      </c>
      <c r="C38" s="62">
        <v>71.347129350525535</v>
      </c>
      <c r="D38" s="63">
        <v>0.37445591310394172</v>
      </c>
      <c r="E38" s="288">
        <v>0.23599999999999999</v>
      </c>
      <c r="F38" s="289">
        <v>9.1592834697616834E-3</v>
      </c>
      <c r="G38" s="288">
        <v>0.36099999999999999</v>
      </c>
      <c r="H38" s="289">
        <v>1.0358615532065801E-2</v>
      </c>
    </row>
    <row r="39" spans="1:8" s="5" customFormat="1">
      <c r="A39" s="45" t="s">
        <v>437</v>
      </c>
      <c r="B39" s="54">
        <v>1962</v>
      </c>
      <c r="C39" s="55">
        <v>66.88</v>
      </c>
      <c r="D39" s="56">
        <v>0.82319999999999993</v>
      </c>
      <c r="E39" s="290">
        <v>0.33</v>
      </c>
      <c r="F39" s="287">
        <v>2.1215240474457296E-2</v>
      </c>
      <c r="G39" s="290">
        <v>0.26500000000000001</v>
      </c>
      <c r="H39" s="287">
        <v>1.9918424257417147E-2</v>
      </c>
    </row>
    <row r="40" spans="1:8" s="5" customFormat="1">
      <c r="A40" s="49" t="s">
        <v>438</v>
      </c>
      <c r="B40" s="61">
        <v>1252</v>
      </c>
      <c r="C40" s="62">
        <v>68.599999999999994</v>
      </c>
      <c r="D40" s="63">
        <v>1.0387999999999999</v>
      </c>
      <c r="E40" s="288">
        <v>0.29823938273902129</v>
      </c>
      <c r="F40" s="289">
        <v>2.5833341594663245E-2</v>
      </c>
      <c r="G40" s="288">
        <v>0.31525626211617774</v>
      </c>
      <c r="H40" s="289">
        <v>2.6233080399116909E-2</v>
      </c>
    </row>
    <row r="41" spans="1:8" s="5" customFormat="1">
      <c r="A41" s="45" t="s">
        <v>439</v>
      </c>
      <c r="B41" s="54">
        <v>894</v>
      </c>
      <c r="C41" s="55">
        <v>68.87</v>
      </c>
      <c r="D41" s="56">
        <v>1.2152000000000001</v>
      </c>
      <c r="E41" s="290">
        <v>0.28599999999999998</v>
      </c>
      <c r="F41" s="287">
        <v>3.0189532953312823E-2</v>
      </c>
      <c r="G41" s="290">
        <v>0.33200000000000002</v>
      </c>
      <c r="H41" s="287">
        <v>3.1448113929697617E-2</v>
      </c>
    </row>
    <row r="42" spans="1:8" s="5" customFormat="1">
      <c r="A42" s="49" t="s">
        <v>444</v>
      </c>
      <c r="B42" s="61">
        <v>102</v>
      </c>
      <c r="C42" s="62">
        <v>64.599999999999994</v>
      </c>
      <c r="D42" s="63">
        <v>3.8024</v>
      </c>
      <c r="E42" s="288">
        <v>0.35543854553842358</v>
      </c>
      <c r="F42" s="289">
        <v>9.3293902780289262E-2</v>
      </c>
      <c r="G42" s="288">
        <v>0.20134868171563011</v>
      </c>
      <c r="H42" s="289">
        <v>7.9482262895641226E-2</v>
      </c>
    </row>
    <row r="43" spans="1:8" s="5" customFormat="1">
      <c r="A43" s="45" t="s">
        <v>445</v>
      </c>
      <c r="B43" s="54">
        <v>301</v>
      </c>
      <c r="C43" s="55">
        <v>71.900000000000006</v>
      </c>
      <c r="D43" s="56">
        <v>2.0384000000000002</v>
      </c>
      <c r="E43" s="290">
        <v>0.19915666361589646</v>
      </c>
      <c r="F43" s="287">
        <v>4.607216956780983E-2</v>
      </c>
      <c r="G43" s="290">
        <v>0.38066285536778066</v>
      </c>
      <c r="H43" s="287">
        <v>5.5648750906737862E-2</v>
      </c>
    </row>
    <row r="44" spans="1:8" s="5" customFormat="1">
      <c r="A44" s="49" t="s">
        <v>440</v>
      </c>
      <c r="B44" s="61">
        <v>103</v>
      </c>
      <c r="C44" s="62">
        <v>71.400000000000006</v>
      </c>
      <c r="D44" s="63">
        <v>3.0379999999999998</v>
      </c>
      <c r="E44" s="288">
        <v>0.16642722489412379</v>
      </c>
      <c r="F44" s="289">
        <v>7.4103492778796826E-2</v>
      </c>
      <c r="G44" s="288">
        <v>0.2999008095485779</v>
      </c>
      <c r="H44" s="289">
        <v>8.9212123526611509E-2</v>
      </c>
    </row>
    <row r="45" spans="1:8" s="5" customFormat="1">
      <c r="A45" s="45" t="s">
        <v>441</v>
      </c>
      <c r="B45" s="54">
        <v>95</v>
      </c>
      <c r="C45" s="55">
        <v>78.599999999999994</v>
      </c>
      <c r="D45" s="56">
        <v>3.4691999999999998</v>
      </c>
      <c r="E45" s="290">
        <v>9.602319388476982E-2</v>
      </c>
      <c r="F45" s="287">
        <v>6.3476387135807263E-2</v>
      </c>
      <c r="G45" s="290">
        <v>0.5625500593010524</v>
      </c>
      <c r="H45" s="287">
        <v>9.9776976632088427E-2</v>
      </c>
    </row>
    <row r="46" spans="1:8" s="5" customFormat="1">
      <c r="A46" s="49" t="s">
        <v>442</v>
      </c>
      <c r="B46" s="61">
        <v>79</v>
      </c>
      <c r="C46" s="62">
        <v>68.3</v>
      </c>
      <c r="D46" s="63">
        <v>4.0964</v>
      </c>
      <c r="E46" s="288">
        <v>0.32256510838115104</v>
      </c>
      <c r="F46" s="289">
        <v>0.10331336303631689</v>
      </c>
      <c r="G46" s="288">
        <v>0.34087248269185572</v>
      </c>
      <c r="H46" s="289">
        <v>0.10460718391884632</v>
      </c>
    </row>
    <row r="47" spans="1:8" s="5" customFormat="1">
      <c r="A47" s="45" t="s">
        <v>446</v>
      </c>
      <c r="B47" s="58">
        <v>116</v>
      </c>
      <c r="C47" s="59">
        <v>72.099999999999994</v>
      </c>
      <c r="D47" s="60">
        <v>2.6852</v>
      </c>
      <c r="E47" s="286">
        <v>0.20784819751625125</v>
      </c>
      <c r="F47" s="287">
        <v>7.5330973350674943E-2</v>
      </c>
      <c r="G47" s="286">
        <v>0.35303179427215281</v>
      </c>
      <c r="H47" s="287">
        <v>8.7524534425078085E-2</v>
      </c>
    </row>
    <row r="48" spans="1:8">
      <c r="A48" s="49" t="s">
        <v>447</v>
      </c>
      <c r="B48" s="61">
        <v>107</v>
      </c>
      <c r="C48" s="62">
        <v>71.099999999999994</v>
      </c>
      <c r="D48" s="63">
        <v>3.6652</v>
      </c>
      <c r="E48" s="288">
        <v>0.24988829546340616</v>
      </c>
      <c r="F48" s="289">
        <v>8.3152184644016303E-2</v>
      </c>
      <c r="G48" s="288">
        <v>0.35280101335679459</v>
      </c>
      <c r="H48" s="289">
        <v>9.10135017357937E-2</v>
      </c>
    </row>
    <row r="49" spans="1:50" ht="25.5">
      <c r="A49" s="45" t="s">
        <v>448</v>
      </c>
      <c r="B49" s="54">
        <v>149</v>
      </c>
      <c r="C49" s="55">
        <v>68</v>
      </c>
      <c r="D49" s="56">
        <v>2.5872000000000002</v>
      </c>
      <c r="E49" s="290">
        <v>0.32388968494279063</v>
      </c>
      <c r="F49" s="287">
        <v>7.5940404823909541E-2</v>
      </c>
      <c r="G49" s="290">
        <v>0.26357878002470947</v>
      </c>
      <c r="H49" s="287">
        <v>7.1763849596698126E-2</v>
      </c>
    </row>
    <row r="50" spans="1:50">
      <c r="A50" s="49" t="s">
        <v>449</v>
      </c>
      <c r="B50" s="61">
        <v>193</v>
      </c>
      <c r="C50" s="62">
        <v>67.400000000000006</v>
      </c>
      <c r="D50" s="63">
        <v>2.8028</v>
      </c>
      <c r="E50" s="288">
        <v>0.3332425649448269</v>
      </c>
      <c r="F50" s="289">
        <v>6.7336529465719885E-2</v>
      </c>
      <c r="G50" s="288">
        <v>0.28634777821200097</v>
      </c>
      <c r="H50" s="289">
        <v>6.470355754706282E-2</v>
      </c>
    </row>
    <row r="51" spans="1:50">
      <c r="A51" s="57" t="s">
        <v>450</v>
      </c>
      <c r="B51" s="58">
        <v>131</v>
      </c>
      <c r="C51" s="59">
        <v>68.2</v>
      </c>
      <c r="D51" s="60">
        <v>3.4104000000000001</v>
      </c>
      <c r="E51" s="286">
        <v>0.36086215223368351</v>
      </c>
      <c r="F51" s="287">
        <v>8.2869086163448236E-2</v>
      </c>
      <c r="G51" s="286">
        <v>0.35900234507775408</v>
      </c>
      <c r="H51" s="287">
        <v>8.2781336634245958E-2</v>
      </c>
    </row>
    <row r="52" spans="1:50">
      <c r="A52" s="49" t="s">
        <v>443</v>
      </c>
      <c r="B52" s="61">
        <v>73</v>
      </c>
      <c r="C52" s="62">
        <v>70.099999999999994</v>
      </c>
      <c r="D52" s="63">
        <v>4.7431999999999999</v>
      </c>
      <c r="E52" s="288">
        <v>0.26873262645304702</v>
      </c>
      <c r="F52" s="289">
        <v>0.10241953693207534</v>
      </c>
      <c r="G52" s="288">
        <v>0.44144430797991624</v>
      </c>
      <c r="H52" s="289">
        <v>0.11325599409103621</v>
      </c>
    </row>
    <row r="53" spans="1:50">
      <c r="A53" s="57" t="s">
        <v>451</v>
      </c>
      <c r="B53" s="58">
        <v>152</v>
      </c>
      <c r="C53" s="59">
        <v>67.599999999999994</v>
      </c>
      <c r="D53" s="60">
        <v>3.1947999999999999</v>
      </c>
      <c r="E53" s="286">
        <v>0.31483073051660598</v>
      </c>
      <c r="F53" s="287">
        <v>7.4669895807160852E-2</v>
      </c>
      <c r="G53" s="286">
        <v>0.37400198773498367</v>
      </c>
      <c r="H53" s="287">
        <v>7.7613141816661124E-2</v>
      </c>
    </row>
    <row r="54" spans="1:50" s="5" customFormat="1"/>
    <row r="55" spans="1:50" s="5" customFormat="1"/>
    <row r="56" spans="1:50" s="5" customFormat="1"/>
    <row r="57" spans="1:50" s="5" customFormat="1"/>
    <row r="58" spans="1:50" s="5" customFormat="1"/>
    <row r="59" spans="1:50" s="5" customFormat="1"/>
    <row r="61" spans="1:50" ht="18.75">
      <c r="A61" s="316" t="s">
        <v>32</v>
      </c>
      <c r="B61" s="316"/>
      <c r="C61" s="316"/>
      <c r="D61" s="316"/>
      <c r="E61" s="316"/>
      <c r="F61" s="316"/>
      <c r="G61" s="316"/>
      <c r="H61" s="316"/>
      <c r="I61" s="316"/>
      <c r="J61" s="316"/>
      <c r="K61" s="316"/>
      <c r="L61" s="316"/>
      <c r="M61" s="316"/>
      <c r="N61" s="316"/>
      <c r="O61" s="316"/>
      <c r="P61" s="316"/>
      <c r="Q61" s="316"/>
      <c r="R61" s="316"/>
      <c r="S61" s="316"/>
      <c r="T61" s="316"/>
      <c r="U61" s="316"/>
      <c r="V61" s="316"/>
      <c r="W61" s="316"/>
      <c r="X61" s="316"/>
      <c r="Y61" s="316"/>
      <c r="Z61" s="316"/>
      <c r="AA61" s="316"/>
      <c r="AB61" s="316"/>
      <c r="AC61" s="316"/>
      <c r="AD61" s="316"/>
      <c r="AE61" s="316"/>
      <c r="AF61" s="316"/>
      <c r="AG61" s="316"/>
      <c r="AH61" s="316"/>
      <c r="AI61" s="316"/>
      <c r="AJ61" s="316"/>
      <c r="AK61" s="316"/>
      <c r="AL61" s="316"/>
      <c r="AM61" s="316"/>
      <c r="AN61" s="316"/>
      <c r="AO61" s="316"/>
      <c r="AP61" s="316"/>
      <c r="AQ61" s="316"/>
      <c r="AR61" s="316"/>
      <c r="AS61" s="316"/>
      <c r="AT61" s="316"/>
      <c r="AU61" s="316"/>
      <c r="AV61" s="316"/>
      <c r="AW61" s="316"/>
      <c r="AX61" s="316"/>
    </row>
    <row r="62" spans="1:50" ht="70.5" customHeight="1">
      <c r="A62" s="318" t="s">
        <v>93</v>
      </c>
      <c r="B62" s="318"/>
      <c r="C62" s="318"/>
      <c r="D62" s="318"/>
      <c r="E62" s="318"/>
      <c r="F62" s="318"/>
      <c r="G62" s="318"/>
      <c r="H62" s="318"/>
      <c r="I62" s="318"/>
      <c r="J62" s="318"/>
      <c r="K62" s="318"/>
      <c r="L62" s="318"/>
      <c r="M62" s="318"/>
      <c r="N62" s="318"/>
      <c r="O62" s="318"/>
      <c r="P62" s="318"/>
      <c r="Q62" s="318"/>
      <c r="R62" s="318"/>
      <c r="S62" s="318"/>
      <c r="T62" s="318"/>
      <c r="U62" s="318"/>
      <c r="V62" s="318"/>
      <c r="W62" s="318"/>
      <c r="X62" s="318"/>
      <c r="Y62" s="318"/>
      <c r="Z62" s="318"/>
      <c r="AA62" s="318"/>
      <c r="AB62" s="318"/>
      <c r="AC62" s="318"/>
      <c r="AD62" s="318"/>
      <c r="AE62" s="318"/>
      <c r="AF62" s="318"/>
      <c r="AG62" s="318"/>
      <c r="AH62" s="318"/>
      <c r="AI62" s="318"/>
      <c r="AJ62" s="318"/>
      <c r="AK62" s="318"/>
      <c r="AL62" s="318"/>
      <c r="AM62" s="318"/>
      <c r="AN62" s="318"/>
      <c r="AO62" s="318"/>
      <c r="AP62" s="318"/>
      <c r="AQ62" s="318"/>
      <c r="AR62" s="318"/>
      <c r="AS62" s="318"/>
      <c r="AT62" s="318"/>
      <c r="AU62" s="318"/>
      <c r="AV62" s="318"/>
      <c r="AW62" s="318"/>
      <c r="AX62" s="318"/>
    </row>
    <row r="63" spans="1:50" ht="32.25" customHeight="1">
      <c r="A63" s="64" t="s">
        <v>94</v>
      </c>
      <c r="B63" s="312" t="s">
        <v>95</v>
      </c>
      <c r="C63" s="313"/>
      <c r="D63" s="313"/>
      <c r="E63" s="313"/>
      <c r="F63" s="313"/>
      <c r="G63" s="313"/>
      <c r="H63" s="314"/>
      <c r="I63" s="312" t="s">
        <v>415</v>
      </c>
      <c r="J63" s="313"/>
      <c r="K63" s="313"/>
      <c r="L63" s="313"/>
      <c r="M63" s="313"/>
      <c r="N63" s="313"/>
      <c r="O63" s="314"/>
      <c r="P63" s="312" t="s">
        <v>416</v>
      </c>
      <c r="Q63" s="313"/>
      <c r="R63" s="313"/>
      <c r="S63" s="313"/>
      <c r="T63" s="313"/>
      <c r="U63" s="313"/>
      <c r="V63" s="314"/>
      <c r="W63" s="312" t="s">
        <v>96</v>
      </c>
      <c r="X63" s="313"/>
      <c r="Y63" s="313"/>
      <c r="Z63" s="313"/>
      <c r="AA63" s="313"/>
      <c r="AB63" s="313"/>
      <c r="AC63" s="314"/>
      <c r="AD63" s="312" t="s">
        <v>97</v>
      </c>
      <c r="AE63" s="313"/>
      <c r="AF63" s="313"/>
      <c r="AG63" s="313"/>
      <c r="AH63" s="313"/>
      <c r="AI63" s="313"/>
      <c r="AJ63" s="314"/>
      <c r="AK63" s="312" t="s">
        <v>98</v>
      </c>
      <c r="AL63" s="313"/>
      <c r="AM63" s="313"/>
      <c r="AN63" s="313"/>
      <c r="AO63" s="313"/>
      <c r="AP63" s="313"/>
      <c r="AQ63" s="314"/>
      <c r="AR63" s="312" t="s">
        <v>99</v>
      </c>
      <c r="AS63" s="313"/>
      <c r="AT63" s="313"/>
      <c r="AU63" s="313"/>
      <c r="AV63" s="313"/>
      <c r="AW63" s="313"/>
      <c r="AX63" s="314"/>
    </row>
    <row r="64" spans="1:50" ht="43.5" customHeight="1">
      <c r="A64" s="37" t="s">
        <v>85</v>
      </c>
      <c r="B64" s="38" t="s">
        <v>86</v>
      </c>
      <c r="C64" s="39" t="s">
        <v>87</v>
      </c>
      <c r="D64" s="40" t="s">
        <v>88</v>
      </c>
      <c r="E64" s="39" t="s">
        <v>409</v>
      </c>
      <c r="F64" s="40" t="s">
        <v>413</v>
      </c>
      <c r="G64" s="39" t="s">
        <v>411</v>
      </c>
      <c r="H64" s="40" t="s">
        <v>414</v>
      </c>
      <c r="I64" s="65" t="s">
        <v>86</v>
      </c>
      <c r="J64" s="66" t="s">
        <v>87</v>
      </c>
      <c r="K64" s="67" t="s">
        <v>88</v>
      </c>
      <c r="L64" s="66" t="s">
        <v>409</v>
      </c>
      <c r="M64" s="67" t="s">
        <v>413</v>
      </c>
      <c r="N64" s="66" t="s">
        <v>411</v>
      </c>
      <c r="O64" s="67" t="s">
        <v>414</v>
      </c>
      <c r="P64" s="38" t="s">
        <v>86</v>
      </c>
      <c r="Q64" s="39" t="s">
        <v>87</v>
      </c>
      <c r="R64" s="40" t="s">
        <v>88</v>
      </c>
      <c r="S64" s="39" t="s">
        <v>409</v>
      </c>
      <c r="T64" s="40" t="s">
        <v>413</v>
      </c>
      <c r="U64" s="39" t="s">
        <v>411</v>
      </c>
      <c r="V64" s="40" t="s">
        <v>414</v>
      </c>
      <c r="W64" s="65" t="s">
        <v>86</v>
      </c>
      <c r="X64" s="66" t="s">
        <v>87</v>
      </c>
      <c r="Y64" s="67" t="s">
        <v>88</v>
      </c>
      <c r="Z64" s="66" t="s">
        <v>409</v>
      </c>
      <c r="AA64" s="67" t="s">
        <v>413</v>
      </c>
      <c r="AB64" s="66" t="s">
        <v>411</v>
      </c>
      <c r="AC64" s="67" t="s">
        <v>414</v>
      </c>
      <c r="AD64" s="38" t="s">
        <v>86</v>
      </c>
      <c r="AE64" s="39" t="s">
        <v>87</v>
      </c>
      <c r="AF64" s="40" t="s">
        <v>88</v>
      </c>
      <c r="AG64" s="39" t="s">
        <v>409</v>
      </c>
      <c r="AH64" s="40" t="s">
        <v>413</v>
      </c>
      <c r="AI64" s="39" t="s">
        <v>411</v>
      </c>
      <c r="AJ64" s="40" t="s">
        <v>414</v>
      </c>
      <c r="AK64" s="65" t="s">
        <v>86</v>
      </c>
      <c r="AL64" s="66" t="s">
        <v>87</v>
      </c>
      <c r="AM64" s="67" t="s">
        <v>88</v>
      </c>
      <c r="AN64" s="66" t="s">
        <v>409</v>
      </c>
      <c r="AO64" s="67" t="s">
        <v>413</v>
      </c>
      <c r="AP64" s="66" t="s">
        <v>411</v>
      </c>
      <c r="AQ64" s="67" t="s">
        <v>414</v>
      </c>
      <c r="AR64" s="38" t="s">
        <v>86</v>
      </c>
      <c r="AS64" s="39" t="s">
        <v>87</v>
      </c>
      <c r="AT64" s="40" t="s">
        <v>88</v>
      </c>
      <c r="AU64" s="39" t="s">
        <v>409</v>
      </c>
      <c r="AV64" s="40" t="s">
        <v>413</v>
      </c>
      <c r="AW64" s="39" t="s">
        <v>411</v>
      </c>
      <c r="AX64" s="40" t="s">
        <v>414</v>
      </c>
    </row>
    <row r="65" spans="1:50" ht="90" customHeight="1">
      <c r="A65" s="41"/>
      <c r="B65" s="42" t="s">
        <v>89</v>
      </c>
      <c r="C65" s="43" t="s">
        <v>90</v>
      </c>
      <c r="D65" s="44" t="s">
        <v>91</v>
      </c>
      <c r="E65" s="43" t="s">
        <v>410</v>
      </c>
      <c r="F65" s="91" t="s">
        <v>104</v>
      </c>
      <c r="G65" s="43" t="s">
        <v>412</v>
      </c>
      <c r="H65" s="91" t="s">
        <v>104</v>
      </c>
      <c r="I65" s="68" t="s">
        <v>89</v>
      </c>
      <c r="J65" s="69" t="s">
        <v>90</v>
      </c>
      <c r="K65" s="70" t="s">
        <v>91</v>
      </c>
      <c r="L65" s="69" t="s">
        <v>410</v>
      </c>
      <c r="M65" s="70" t="s">
        <v>91</v>
      </c>
      <c r="N65" s="69" t="s">
        <v>412</v>
      </c>
      <c r="O65" s="70" t="s">
        <v>104</v>
      </c>
      <c r="P65" s="42" t="s">
        <v>89</v>
      </c>
      <c r="Q65" s="43" t="s">
        <v>90</v>
      </c>
      <c r="R65" s="44" t="s">
        <v>91</v>
      </c>
      <c r="S65" s="43" t="s">
        <v>410</v>
      </c>
      <c r="T65" s="44" t="s">
        <v>104</v>
      </c>
      <c r="U65" s="43" t="s">
        <v>412</v>
      </c>
      <c r="V65" s="44" t="s">
        <v>104</v>
      </c>
      <c r="W65" s="68" t="s">
        <v>89</v>
      </c>
      <c r="X65" s="69" t="s">
        <v>90</v>
      </c>
      <c r="Y65" s="70" t="s">
        <v>91</v>
      </c>
      <c r="Z65" s="69" t="s">
        <v>410</v>
      </c>
      <c r="AA65" s="70" t="s">
        <v>104</v>
      </c>
      <c r="AB65" s="69" t="s">
        <v>412</v>
      </c>
      <c r="AC65" s="70" t="s">
        <v>104</v>
      </c>
      <c r="AD65" s="42" t="s">
        <v>89</v>
      </c>
      <c r="AE65" s="43" t="s">
        <v>90</v>
      </c>
      <c r="AF65" s="44" t="s">
        <v>91</v>
      </c>
      <c r="AG65" s="43" t="s">
        <v>410</v>
      </c>
      <c r="AH65" s="44" t="s">
        <v>104</v>
      </c>
      <c r="AI65" s="43" t="s">
        <v>412</v>
      </c>
      <c r="AJ65" s="44" t="s">
        <v>104</v>
      </c>
      <c r="AK65" s="68" t="s">
        <v>89</v>
      </c>
      <c r="AL65" s="69" t="s">
        <v>90</v>
      </c>
      <c r="AM65" s="70" t="s">
        <v>91</v>
      </c>
      <c r="AN65" s="69" t="s">
        <v>410</v>
      </c>
      <c r="AO65" s="70" t="s">
        <v>104</v>
      </c>
      <c r="AP65" s="69" t="s">
        <v>412</v>
      </c>
      <c r="AQ65" s="70" t="s">
        <v>104</v>
      </c>
      <c r="AR65" s="42" t="s">
        <v>89</v>
      </c>
      <c r="AS65" s="43" t="s">
        <v>90</v>
      </c>
      <c r="AT65" s="44" t="s">
        <v>91</v>
      </c>
      <c r="AU65" s="43" t="s">
        <v>410</v>
      </c>
      <c r="AV65" s="44" t="s">
        <v>104</v>
      </c>
      <c r="AW65" s="43" t="s">
        <v>412</v>
      </c>
      <c r="AX65" s="44" t="s">
        <v>104</v>
      </c>
    </row>
    <row r="66" spans="1:50">
      <c r="A66" s="45" t="s">
        <v>435</v>
      </c>
      <c r="B66" s="71">
        <v>10766</v>
      </c>
      <c r="C66" s="72">
        <v>73.135428260761017</v>
      </c>
      <c r="D66" s="73">
        <v>0.37240000000000001</v>
      </c>
      <c r="E66" s="291">
        <v>0.20522505740697988</v>
      </c>
      <c r="F66" s="292">
        <v>7.7847615631944592E-3</v>
      </c>
      <c r="G66" s="293">
        <v>0.48888295947074295</v>
      </c>
      <c r="H66" s="292">
        <v>9.6335166845829701E-3</v>
      </c>
      <c r="I66" s="71">
        <v>10748</v>
      </c>
      <c r="J66" s="72">
        <v>67.244438009910041</v>
      </c>
      <c r="K66" s="73">
        <v>0.43119999999999997</v>
      </c>
      <c r="L66" s="291">
        <v>0.29288641574317659</v>
      </c>
      <c r="M66" s="292">
        <v>8.7783527455123182E-3</v>
      </c>
      <c r="N66" s="293">
        <v>0.37098466872147023</v>
      </c>
      <c r="O66" s="292">
        <v>9.317630550416553E-3</v>
      </c>
      <c r="P66" s="71">
        <v>10706</v>
      </c>
      <c r="Q66" s="72">
        <v>66.708067282196211</v>
      </c>
      <c r="R66" s="73">
        <v>0.43119999999999997</v>
      </c>
      <c r="S66" s="291">
        <v>0.30939327802456323</v>
      </c>
      <c r="T66" s="292">
        <v>8.9337474383294809E-3</v>
      </c>
      <c r="U66" s="293">
        <v>0.37713076216647812</v>
      </c>
      <c r="V66" s="292">
        <v>9.3667753238603733E-3</v>
      </c>
      <c r="W66" s="71">
        <v>10727</v>
      </c>
      <c r="X66" s="72">
        <v>72.249166577051611</v>
      </c>
      <c r="Y66" s="73">
        <v>0.45080000000000003</v>
      </c>
      <c r="Z66" s="291">
        <v>0.24613325917532536</v>
      </c>
      <c r="AA66" s="292">
        <v>8.3176099636993687E-3</v>
      </c>
      <c r="AB66" s="293">
        <v>0.50729486023454118</v>
      </c>
      <c r="AC66" s="292">
        <v>9.652364421046453E-3</v>
      </c>
      <c r="AD66" s="71">
        <v>10744</v>
      </c>
      <c r="AE66" s="72">
        <v>76.90012075999887</v>
      </c>
      <c r="AF66" s="73">
        <v>0.39200000000000002</v>
      </c>
      <c r="AG66" s="291">
        <v>0.17387008807585744</v>
      </c>
      <c r="AH66" s="292">
        <v>7.3134517920980168E-3</v>
      </c>
      <c r="AI66" s="293">
        <v>0.58217472179114405</v>
      </c>
      <c r="AJ66" s="292">
        <v>9.5146908201943509E-3</v>
      </c>
      <c r="AK66" s="71">
        <v>10731</v>
      </c>
      <c r="AL66" s="72">
        <v>66.261620619360528</v>
      </c>
      <c r="AM66" s="73">
        <v>0.47039999999999998</v>
      </c>
      <c r="AN66" s="291">
        <v>0.33457951537585506</v>
      </c>
      <c r="AO66" s="292">
        <v>9.1084947689733711E-3</v>
      </c>
      <c r="AP66" s="293">
        <v>0.37200657019711392</v>
      </c>
      <c r="AQ66" s="292">
        <v>9.3302476626240857E-3</v>
      </c>
      <c r="AR66" s="71">
        <v>10727</v>
      </c>
      <c r="AS66" s="72">
        <v>65.772635405535141</v>
      </c>
      <c r="AT66" s="73">
        <v>0.47039999999999998</v>
      </c>
      <c r="AU66" s="291">
        <v>0.34369699703039691</v>
      </c>
      <c r="AV66" s="292">
        <v>9.1699610686267127E-3</v>
      </c>
      <c r="AW66" s="293">
        <v>0.38301445633193187</v>
      </c>
      <c r="AX66" s="292">
        <v>9.3856498650825883E-3</v>
      </c>
    </row>
    <row r="67" spans="1:50" s="5" customFormat="1">
      <c r="A67" s="49" t="s">
        <v>436</v>
      </c>
      <c r="B67" s="74">
        <v>8631</v>
      </c>
      <c r="C67" s="75">
        <v>74.7</v>
      </c>
      <c r="D67" s="76">
        <v>0.86009789626306943</v>
      </c>
      <c r="E67" s="294">
        <v>0.17586983603405243</v>
      </c>
      <c r="F67" s="295">
        <v>8.1966832363148008E-3</v>
      </c>
      <c r="G67" s="296">
        <v>0.53085617451249889</v>
      </c>
      <c r="H67" s="295">
        <v>1.0740908888076038E-2</v>
      </c>
      <c r="I67" s="74">
        <v>8613</v>
      </c>
      <c r="J67" s="75">
        <v>67.3</v>
      </c>
      <c r="K67" s="76">
        <v>0.48193448647016601</v>
      </c>
      <c r="L67" s="294">
        <v>0.29217886064190407</v>
      </c>
      <c r="M67" s="295">
        <v>9.7989647790480815E-3</v>
      </c>
      <c r="N67" s="296">
        <v>0.38767625270226186</v>
      </c>
      <c r="O67" s="295">
        <v>1.0497546618219396E-2</v>
      </c>
      <c r="P67" s="74">
        <v>8573</v>
      </c>
      <c r="Q67" s="75">
        <v>68.2</v>
      </c>
      <c r="R67" s="76">
        <v>0.49818328050476535</v>
      </c>
      <c r="S67" s="294">
        <v>0.28572427394142869</v>
      </c>
      <c r="T67" s="295">
        <v>9.7569562106019202E-3</v>
      </c>
      <c r="U67" s="296">
        <v>0.41204099339409267</v>
      </c>
      <c r="V67" s="295">
        <v>1.0629491615611822E-2</v>
      </c>
      <c r="W67" s="74">
        <v>8597</v>
      </c>
      <c r="X67" s="75">
        <v>73.900000000000006</v>
      </c>
      <c r="Y67" s="76">
        <v>0.53157993772949064</v>
      </c>
      <c r="Z67" s="294">
        <v>0.22784727349514175</v>
      </c>
      <c r="AA67" s="295">
        <v>9.0471968192979112E-3</v>
      </c>
      <c r="AB67" s="296">
        <v>0.54810613424163757</v>
      </c>
      <c r="AC67" s="295">
        <v>1.0732674611188835E-2</v>
      </c>
      <c r="AD67" s="74">
        <v>8608</v>
      </c>
      <c r="AE67" s="75">
        <v>79.900000000000006</v>
      </c>
      <c r="AF67" s="76">
        <v>0.41785688438405927</v>
      </c>
      <c r="AG67" s="294">
        <v>0.13214380541779616</v>
      </c>
      <c r="AH67" s="295">
        <v>7.3023576826835492E-3</v>
      </c>
      <c r="AI67" s="296">
        <v>0.65143159250061433</v>
      </c>
      <c r="AJ67" s="295">
        <v>1.0270149607307251E-2</v>
      </c>
      <c r="AK67" s="74">
        <v>8599</v>
      </c>
      <c r="AL67" s="75">
        <v>67.904732219742087</v>
      </c>
      <c r="AM67" s="76">
        <v>0.52990660255985966</v>
      </c>
      <c r="AN67" s="294">
        <v>0.30692797835391811</v>
      </c>
      <c r="AO67" s="295">
        <v>9.9459857142682826E-3</v>
      </c>
      <c r="AP67" s="296">
        <v>0.4177179721608541</v>
      </c>
      <c r="AQ67" s="295">
        <v>1.0634545333156572E-2</v>
      </c>
      <c r="AR67" s="74">
        <v>8596</v>
      </c>
      <c r="AS67" s="75">
        <v>66.794773861409993</v>
      </c>
      <c r="AT67" s="76">
        <v>0.55093223520780721</v>
      </c>
      <c r="AU67" s="294">
        <v>0.33223827389589</v>
      </c>
      <c r="AV67" s="295">
        <v>1.0158789930415715E-2</v>
      </c>
      <c r="AW67" s="296">
        <v>0.42084903614586078</v>
      </c>
      <c r="AX67" s="295">
        <v>1.0647435576317366E-2</v>
      </c>
    </row>
    <row r="68" spans="1:50" s="5" customFormat="1">
      <c r="A68" s="45" t="s">
        <v>437</v>
      </c>
      <c r="B68" s="54">
        <v>1969</v>
      </c>
      <c r="C68" s="55">
        <v>69.8</v>
      </c>
      <c r="D68" s="56">
        <v>0.98</v>
      </c>
      <c r="E68" s="290">
        <v>0.27200000000000002</v>
      </c>
      <c r="F68" s="297">
        <v>2.0046907378907096E-2</v>
      </c>
      <c r="G68" s="290">
        <v>0.39700000000000002</v>
      </c>
      <c r="H68" s="297">
        <v>2.2032274769443777E-2</v>
      </c>
      <c r="I68" s="54">
        <v>1969</v>
      </c>
      <c r="J68" s="55">
        <v>67.099999999999994</v>
      </c>
      <c r="K68" s="56">
        <v>0.98</v>
      </c>
      <c r="L68" s="290">
        <v>0.29499999999999998</v>
      </c>
      <c r="M68" s="297">
        <v>2.054232907135875E-2</v>
      </c>
      <c r="N68" s="290">
        <v>0.33600000000000002</v>
      </c>
      <c r="O68" s="297">
        <v>2.1272872760411617E-2</v>
      </c>
      <c r="P68" s="54">
        <v>1965</v>
      </c>
      <c r="Q68" s="55">
        <v>63.7</v>
      </c>
      <c r="R68" s="56">
        <v>0.98</v>
      </c>
      <c r="S68" s="290">
        <v>0.36199999999999999</v>
      </c>
      <c r="T68" s="297">
        <v>2.1664288239265389E-2</v>
      </c>
      <c r="U68" s="290">
        <v>0.29599999999999999</v>
      </c>
      <c r="V68" s="297">
        <v>2.0583312508429628E-2</v>
      </c>
      <c r="W68" s="54">
        <v>1964</v>
      </c>
      <c r="X68" s="55">
        <v>69.599999999999994</v>
      </c>
      <c r="Y68" s="56">
        <v>1.1759999999999999</v>
      </c>
      <c r="Z68" s="290">
        <v>0.28299999999999997</v>
      </c>
      <c r="AA68" s="297">
        <v>2.0317711453690449E-2</v>
      </c>
      <c r="AB68" s="290">
        <v>0.42499999999999999</v>
      </c>
      <c r="AC68" s="297">
        <v>2.2287745120421008E-2</v>
      </c>
      <c r="AD68" s="54">
        <v>1970</v>
      </c>
      <c r="AE68" s="55">
        <v>72.900000000000006</v>
      </c>
      <c r="AF68" s="56">
        <v>0.98</v>
      </c>
      <c r="AG68" s="290">
        <v>0.22900000000000001</v>
      </c>
      <c r="AH68" s="297">
        <v>1.8930702384304169E-2</v>
      </c>
      <c r="AI68" s="290">
        <v>0.47899999999999998</v>
      </c>
      <c r="AJ68" s="297">
        <v>2.2487676932628646E-2</v>
      </c>
      <c r="AK68" s="54">
        <v>1968</v>
      </c>
      <c r="AL68" s="55">
        <v>61.6</v>
      </c>
      <c r="AM68" s="56">
        <v>0.98</v>
      </c>
      <c r="AN68" s="290">
        <v>0.40699999999999997</v>
      </c>
      <c r="AO68" s="297">
        <v>2.2127514085083181E-2</v>
      </c>
      <c r="AP68" s="290">
        <v>0.252</v>
      </c>
      <c r="AQ68" s="297">
        <v>1.9566563776093275E-2</v>
      </c>
      <c r="AR68" s="54">
        <v>1965</v>
      </c>
      <c r="AS68" s="55">
        <v>63.4</v>
      </c>
      <c r="AT68" s="56">
        <v>1.1759999999999999</v>
      </c>
      <c r="AU68" s="290">
        <v>0.377</v>
      </c>
      <c r="AV68" s="297">
        <v>2.1846335609011686E-2</v>
      </c>
      <c r="AW68" s="290">
        <v>0.30399999999999999</v>
      </c>
      <c r="AX68" s="297">
        <v>2.0739988669619021E-2</v>
      </c>
    </row>
    <row r="69" spans="1:50" s="5" customFormat="1">
      <c r="A69" s="49" t="s">
        <v>438</v>
      </c>
      <c r="B69" s="74">
        <v>1255</v>
      </c>
      <c r="C69" s="75">
        <v>71.320273075498704</v>
      </c>
      <c r="D69" s="76">
        <v>1.1956</v>
      </c>
      <c r="E69" s="294">
        <v>0.25216173875809494</v>
      </c>
      <c r="F69" s="295">
        <v>2.4502411313381951E-2</v>
      </c>
      <c r="G69" s="296">
        <v>0.44944612774534942</v>
      </c>
      <c r="H69" s="295">
        <v>2.8039488761509836E-2</v>
      </c>
      <c r="I69" s="74">
        <v>1253</v>
      </c>
      <c r="J69" s="75">
        <v>65.502433683984435</v>
      </c>
      <c r="K69" s="76">
        <v>1.2936000000000001</v>
      </c>
      <c r="L69" s="294">
        <v>0.3275444196121336</v>
      </c>
      <c r="M69" s="295">
        <v>2.6485946114023971E-2</v>
      </c>
      <c r="N69" s="296">
        <v>0.34226098150533352</v>
      </c>
      <c r="O69" s="295">
        <v>2.6774434517816623E-2</v>
      </c>
      <c r="P69" s="74">
        <v>1248</v>
      </c>
      <c r="Q69" s="75">
        <v>65.038414382655631</v>
      </c>
      <c r="R69" s="76">
        <v>1.3523999999999998</v>
      </c>
      <c r="S69" s="294">
        <v>0.34579273796633292</v>
      </c>
      <c r="T69" s="295">
        <v>2.6892985517287121E-2</v>
      </c>
      <c r="U69" s="296">
        <v>0.34773730819776472</v>
      </c>
      <c r="V69" s="295">
        <v>2.692813629721957E-2</v>
      </c>
      <c r="W69" s="74">
        <v>1250</v>
      </c>
      <c r="X69" s="75">
        <v>72.105582397274532</v>
      </c>
      <c r="Y69" s="76">
        <v>1.3719999999999999</v>
      </c>
      <c r="Z69" s="294">
        <v>0.27123500176651821</v>
      </c>
      <c r="AA69" s="295">
        <v>2.5131228700107189E-2</v>
      </c>
      <c r="AB69" s="296">
        <v>0.50293668019469973</v>
      </c>
      <c r="AC69" s="295">
        <v>2.8238640760930831E-2</v>
      </c>
      <c r="AD69" s="74">
        <v>1250</v>
      </c>
      <c r="AE69" s="75">
        <v>77.129145333971053</v>
      </c>
      <c r="AF69" s="76">
        <v>1.1759999999999999</v>
      </c>
      <c r="AG69" s="294">
        <v>0.18150855378611805</v>
      </c>
      <c r="AH69" s="295">
        <v>2.1816202758002716E-2</v>
      </c>
      <c r="AI69" s="296">
        <v>0.58760764541575117</v>
      </c>
      <c r="AJ69" s="295">
        <v>2.7805073735516442E-2</v>
      </c>
      <c r="AK69" s="74">
        <v>1252</v>
      </c>
      <c r="AL69" s="75">
        <v>63.844994389209127</v>
      </c>
      <c r="AM69" s="76">
        <v>1.4112</v>
      </c>
      <c r="AN69" s="294">
        <v>0.38864306656528474</v>
      </c>
      <c r="AO69" s="295">
        <v>2.7512503864540232E-2</v>
      </c>
      <c r="AP69" s="296">
        <v>0.32630148394022501</v>
      </c>
      <c r="AQ69" s="295">
        <v>2.6470792256064062E-2</v>
      </c>
      <c r="AR69" s="74">
        <v>1251</v>
      </c>
      <c r="AS69" s="75">
        <v>64.889886704510758</v>
      </c>
      <c r="AT69" s="76">
        <v>1.47</v>
      </c>
      <c r="AU69" s="294">
        <v>0.36864039920184671</v>
      </c>
      <c r="AV69" s="295">
        <v>2.7242717464995861E-2</v>
      </c>
      <c r="AW69" s="296">
        <v>0.37262987838934802</v>
      </c>
      <c r="AX69" s="295">
        <v>2.7302647992961272E-2</v>
      </c>
    </row>
    <row r="70" spans="1:50" s="5" customFormat="1">
      <c r="A70" s="45" t="s">
        <v>439</v>
      </c>
      <c r="B70" s="54">
        <v>897</v>
      </c>
      <c r="C70" s="55">
        <v>71.099999999999994</v>
      </c>
      <c r="D70" s="56">
        <v>1.3719999999999999</v>
      </c>
      <c r="E70" s="290">
        <v>0.248</v>
      </c>
      <c r="F70" s="297">
        <v>2.8817509312398511E-2</v>
      </c>
      <c r="G70" s="290">
        <v>0.46600000000000003</v>
      </c>
      <c r="H70" s="297">
        <v>3.3238401053993623E-2</v>
      </c>
      <c r="I70" s="54">
        <v>894</v>
      </c>
      <c r="J70" s="55">
        <v>64.27</v>
      </c>
      <c r="K70" s="56">
        <v>1.5680000000000001</v>
      </c>
      <c r="L70" s="290">
        <v>0.33700000000000002</v>
      </c>
      <c r="M70" s="297">
        <v>3.1564066267908336E-2</v>
      </c>
      <c r="N70" s="290">
        <v>0.33200000000000002</v>
      </c>
      <c r="O70" s="297">
        <v>3.1448113929697617E-2</v>
      </c>
      <c r="P70" s="54">
        <v>890</v>
      </c>
      <c r="Q70" s="55">
        <v>65.19</v>
      </c>
      <c r="R70" s="56">
        <v>1.5680000000000001</v>
      </c>
      <c r="S70" s="290">
        <v>0.35499999999999998</v>
      </c>
      <c r="T70" s="297">
        <v>3.2020877017780072E-2</v>
      </c>
      <c r="U70" s="290">
        <v>0.34599999999999997</v>
      </c>
      <c r="V70" s="297">
        <v>3.1834003807097944E-2</v>
      </c>
      <c r="W70" s="54">
        <v>892</v>
      </c>
      <c r="X70" s="55">
        <v>71.8</v>
      </c>
      <c r="Y70" s="56">
        <v>1.5680000000000001</v>
      </c>
      <c r="Z70" s="290">
        <v>0.27200000000000002</v>
      </c>
      <c r="AA70" s="297">
        <v>2.9766884976068293E-2</v>
      </c>
      <c r="AB70" s="290">
        <v>0.50600000000000001</v>
      </c>
      <c r="AC70" s="297">
        <v>3.3405271231224616E-2</v>
      </c>
      <c r="AD70" s="54">
        <v>892</v>
      </c>
      <c r="AE70" s="55">
        <v>79.239999999999995</v>
      </c>
      <c r="AF70" s="56">
        <v>1.3719999999999999</v>
      </c>
      <c r="AG70" s="290">
        <v>0.14399999999999999</v>
      </c>
      <c r="AH70" s="297">
        <v>2.3565357973650509E-2</v>
      </c>
      <c r="AI70" s="290">
        <v>0.64300000000000002</v>
      </c>
      <c r="AJ70" s="297">
        <v>3.2024904706818659E-2</v>
      </c>
      <c r="AK70" s="54">
        <v>894</v>
      </c>
      <c r="AL70" s="55">
        <v>64.41</v>
      </c>
      <c r="AM70" s="56">
        <v>1.764</v>
      </c>
      <c r="AN70" s="290">
        <v>0.36699999999999999</v>
      </c>
      <c r="AO70" s="297">
        <v>3.217908094820171E-2</v>
      </c>
      <c r="AP70" s="290">
        <v>0.34599999999999997</v>
      </c>
      <c r="AQ70" s="297">
        <v>3.1762958903755655E-2</v>
      </c>
      <c r="AR70" s="54">
        <v>893</v>
      </c>
      <c r="AS70" s="55">
        <v>64.23</v>
      </c>
      <c r="AT70" s="56">
        <v>1.764</v>
      </c>
      <c r="AU70" s="290">
        <v>0.379</v>
      </c>
      <c r="AV70" s="297">
        <v>3.2405546570799013E-2</v>
      </c>
      <c r="AW70" s="290">
        <v>0.38600000000000001</v>
      </c>
      <c r="AX70" s="297">
        <v>3.2517529646785115E-2</v>
      </c>
    </row>
    <row r="71" spans="1:50" s="5" customFormat="1">
      <c r="A71" s="49" t="s">
        <v>444</v>
      </c>
      <c r="B71" s="74">
        <v>101</v>
      </c>
      <c r="C71" s="75">
        <v>67.258382518470455</v>
      </c>
      <c r="D71" s="76">
        <v>4.1355999999999993</v>
      </c>
      <c r="E71" s="294">
        <v>0.31419523597936055</v>
      </c>
      <c r="F71" s="295">
        <v>9.1142346592739926E-2</v>
      </c>
      <c r="G71" s="296">
        <v>0.29548106470844526</v>
      </c>
      <c r="H71" s="295">
        <v>8.9718755738809719E-2</v>
      </c>
      <c r="I71" s="74">
        <v>102</v>
      </c>
      <c r="J71" s="75">
        <v>65.290848302678043</v>
      </c>
      <c r="K71" s="76">
        <v>4.1943999999999999</v>
      </c>
      <c r="L71" s="294">
        <v>0.36154056559762021</v>
      </c>
      <c r="M71" s="295">
        <v>9.3616752787087698E-2</v>
      </c>
      <c r="N71" s="296">
        <v>0.31335840784883889</v>
      </c>
      <c r="O71" s="295">
        <v>9.0646394480349529E-2</v>
      </c>
      <c r="P71" s="74">
        <v>102</v>
      </c>
      <c r="Q71" s="75">
        <v>62.257925673894377</v>
      </c>
      <c r="R71" s="76">
        <v>4.5863999999999994</v>
      </c>
      <c r="S71" s="294">
        <v>0.3677782964987425</v>
      </c>
      <c r="T71" s="295">
        <v>9.3931320945439878E-2</v>
      </c>
      <c r="U71" s="296">
        <v>0.27169666282178379</v>
      </c>
      <c r="V71" s="295">
        <v>8.7250913665477658E-2</v>
      </c>
      <c r="W71" s="74">
        <v>102</v>
      </c>
      <c r="X71" s="75">
        <v>67.818891790515494</v>
      </c>
      <c r="Y71" s="76">
        <v>4.6059999999999999</v>
      </c>
      <c r="Z71" s="294">
        <v>0.36186328172374616</v>
      </c>
      <c r="AA71" s="295">
        <v>9.3633409424773342E-2</v>
      </c>
      <c r="AB71" s="296">
        <v>0.35102003867308035</v>
      </c>
      <c r="AC71" s="295">
        <v>9.3050698708223537E-2</v>
      </c>
      <c r="AD71" s="74">
        <v>102</v>
      </c>
      <c r="AE71" s="75">
        <v>70.416781323845299</v>
      </c>
      <c r="AF71" s="76">
        <v>4.3315999999999999</v>
      </c>
      <c r="AG71" s="294">
        <v>0.28702963555337785</v>
      </c>
      <c r="AH71" s="295">
        <v>8.8595361557783747E-2</v>
      </c>
      <c r="AI71" s="296">
        <v>0.437736319594769</v>
      </c>
      <c r="AJ71" s="295">
        <v>9.6428739886248435E-2</v>
      </c>
      <c r="AK71" s="74">
        <v>102</v>
      </c>
      <c r="AL71" s="75">
        <v>58.114777709040105</v>
      </c>
      <c r="AM71" s="76">
        <v>4.7039999999999997</v>
      </c>
      <c r="AN71" s="294">
        <v>0.50174176683170446</v>
      </c>
      <c r="AO71" s="295">
        <v>9.7128040544554206E-2</v>
      </c>
      <c r="AP71" s="296">
        <v>0.19701190312074027</v>
      </c>
      <c r="AQ71" s="295">
        <v>7.8906662002347111E-2</v>
      </c>
      <c r="AR71" s="74">
        <v>102</v>
      </c>
      <c r="AS71" s="75">
        <v>60.865292199896409</v>
      </c>
      <c r="AT71" s="76">
        <v>4.9391999999999996</v>
      </c>
      <c r="AU71" s="294">
        <v>0.47764956339193254</v>
      </c>
      <c r="AV71" s="295">
        <v>9.7038690576396316E-2</v>
      </c>
      <c r="AW71" s="296">
        <v>0.30290540965267249</v>
      </c>
      <c r="AX71" s="295">
        <v>8.9869968982340218E-2</v>
      </c>
    </row>
    <row r="72" spans="1:50" s="5" customFormat="1">
      <c r="A72" s="45" t="s">
        <v>445</v>
      </c>
      <c r="B72" s="54">
        <v>301</v>
      </c>
      <c r="C72" s="55">
        <v>74.147280055524888</v>
      </c>
      <c r="D72" s="56">
        <v>2.3127999999999997</v>
      </c>
      <c r="E72" s="290">
        <v>0.16381365061460168</v>
      </c>
      <c r="F72" s="297">
        <v>4.2837671685161942E-2</v>
      </c>
      <c r="G72" s="290">
        <v>0.48944069571787563</v>
      </c>
      <c r="H72" s="297">
        <v>5.7247395986550285E-2</v>
      </c>
      <c r="I72" s="54">
        <v>300</v>
      </c>
      <c r="J72" s="55">
        <v>65.692675982284769</v>
      </c>
      <c r="K72" s="56">
        <v>2.5676000000000001</v>
      </c>
      <c r="L72" s="290">
        <v>0.31917592850855731</v>
      </c>
      <c r="M72" s="297">
        <v>5.3576979875311084E-2</v>
      </c>
      <c r="N72" s="290">
        <v>0.35067468897271253</v>
      </c>
      <c r="O72" s="297">
        <v>5.4806463527231501E-2</v>
      </c>
      <c r="P72" s="54">
        <v>298</v>
      </c>
      <c r="Q72" s="55">
        <v>68.599103018397003</v>
      </c>
      <c r="R72" s="56">
        <v>2.7047999999999996</v>
      </c>
      <c r="S72" s="290">
        <v>0.24966937416041887</v>
      </c>
      <c r="T72" s="297">
        <v>5.0030930234556077E-2</v>
      </c>
      <c r="U72" s="290">
        <v>0.39687771453005538</v>
      </c>
      <c r="V72" s="297">
        <v>5.6339278463854441E-2</v>
      </c>
      <c r="W72" s="54">
        <v>301</v>
      </c>
      <c r="X72" s="55">
        <v>75.675127373395739</v>
      </c>
      <c r="Y72" s="56">
        <v>2.8028</v>
      </c>
      <c r="Z72" s="290">
        <v>0.2178811748658315</v>
      </c>
      <c r="AA72" s="297">
        <v>4.7561234072031555E-2</v>
      </c>
      <c r="AB72" s="290">
        <v>0.59139125966277939</v>
      </c>
      <c r="AC72" s="297">
        <v>5.6320543895752376E-2</v>
      </c>
      <c r="AD72" s="54">
        <v>301</v>
      </c>
      <c r="AE72" s="55">
        <v>84.189726267994914</v>
      </c>
      <c r="AF72" s="56">
        <v>2.1168</v>
      </c>
      <c r="AG72" s="290">
        <v>6.3484532499344826E-2</v>
      </c>
      <c r="AH72" s="297">
        <v>2.9066209275907466E-2</v>
      </c>
      <c r="AI72" s="290">
        <v>0.68756015716328689</v>
      </c>
      <c r="AJ72" s="297">
        <v>5.3191625096356339E-2</v>
      </c>
      <c r="AK72" s="54">
        <v>301</v>
      </c>
      <c r="AL72" s="55">
        <v>67.878955884829793</v>
      </c>
      <c r="AM72" s="56">
        <v>2.9203999999999999</v>
      </c>
      <c r="AN72" s="290">
        <v>0.31530035698805142</v>
      </c>
      <c r="AO72" s="297">
        <v>5.3319324670109469E-2</v>
      </c>
      <c r="AP72" s="290">
        <v>0.39297712167206938</v>
      </c>
      <c r="AQ72" s="297">
        <v>5.596773819555842E-2</v>
      </c>
      <c r="AR72" s="54">
        <v>300</v>
      </c>
      <c r="AS72" s="55">
        <v>67.450816563803713</v>
      </c>
      <c r="AT72" s="56">
        <v>2.9007999999999998</v>
      </c>
      <c r="AU72" s="290">
        <v>0.27526543927604591</v>
      </c>
      <c r="AV72" s="297">
        <v>5.1403298136091492E-2</v>
      </c>
      <c r="AW72" s="290">
        <v>0.40440025431212206</v>
      </c>
      <c r="AX72" s="297">
        <v>5.6323736994711493E-2</v>
      </c>
    </row>
    <row r="73" spans="1:50" s="5" customFormat="1">
      <c r="A73" s="49" t="s">
        <v>440</v>
      </c>
      <c r="B73" s="74">
        <v>103</v>
      </c>
      <c r="C73" s="75">
        <v>73.5451672590507</v>
      </c>
      <c r="D73" s="76">
        <v>3.8611999999999997</v>
      </c>
      <c r="E73" s="294">
        <v>0.14819403273281981</v>
      </c>
      <c r="F73" s="295">
        <v>7.1122702035978924E-2</v>
      </c>
      <c r="G73" s="296">
        <v>0.47418246404931091</v>
      </c>
      <c r="H73" s="295">
        <v>9.6554155738322558E-2</v>
      </c>
      <c r="I73" s="74">
        <v>103</v>
      </c>
      <c r="J73" s="75">
        <v>62.013900923774706</v>
      </c>
      <c r="K73" s="76">
        <v>4.3512000000000004</v>
      </c>
      <c r="L73" s="294">
        <v>0.43627978861459876</v>
      </c>
      <c r="M73" s="295">
        <v>9.5943447453448558E-2</v>
      </c>
      <c r="N73" s="296">
        <v>0.33029220583619573</v>
      </c>
      <c r="O73" s="295">
        <v>9.1368073838158245E-2</v>
      </c>
      <c r="P73" s="74">
        <v>103</v>
      </c>
      <c r="Q73" s="75">
        <v>68.988701851697755</v>
      </c>
      <c r="R73" s="76">
        <v>4.4884000000000004</v>
      </c>
      <c r="S73" s="294">
        <v>0.22354006443690094</v>
      </c>
      <c r="T73" s="295">
        <v>8.1842678471332531E-2</v>
      </c>
      <c r="U73" s="296">
        <v>0.37677821429627822</v>
      </c>
      <c r="V73" s="295">
        <v>9.3913938624606536E-2</v>
      </c>
      <c r="W73" s="74">
        <v>103</v>
      </c>
      <c r="X73" s="75">
        <v>74.357427032269101</v>
      </c>
      <c r="Y73" s="76">
        <v>4.7236000000000002</v>
      </c>
      <c r="Z73" s="294">
        <v>0.24342949080108356</v>
      </c>
      <c r="AA73" s="295">
        <v>8.4056351802406212E-2</v>
      </c>
      <c r="AB73" s="296">
        <v>0.60066985783660254</v>
      </c>
      <c r="AC73" s="295">
        <v>9.4840570702008811E-2</v>
      </c>
      <c r="AD73" s="74">
        <v>103</v>
      </c>
      <c r="AE73" s="75">
        <v>85.070221228322794</v>
      </c>
      <c r="AF73" s="76">
        <v>2.6264000000000003</v>
      </c>
      <c r="AG73" s="294">
        <v>9.0184924278495934E-2</v>
      </c>
      <c r="AH73" s="295">
        <v>5.939690194244647E-2</v>
      </c>
      <c r="AI73" s="296">
        <v>0.67728309059625591</v>
      </c>
      <c r="AJ73" s="295">
        <v>9.0868424352672658E-2</v>
      </c>
      <c r="AK73" s="74">
        <v>103</v>
      </c>
      <c r="AL73" s="75">
        <v>68.640418426755517</v>
      </c>
      <c r="AM73" s="76">
        <v>4.9979999999999993</v>
      </c>
      <c r="AN73" s="294">
        <v>0.29619337946497548</v>
      </c>
      <c r="AO73" s="295">
        <v>8.8920923317530889E-2</v>
      </c>
      <c r="AP73" s="296">
        <v>0.44416232178219478</v>
      </c>
      <c r="AQ73" s="295">
        <v>9.6113427247028649E-2</v>
      </c>
      <c r="AR73" s="74">
        <v>103</v>
      </c>
      <c r="AS73" s="75">
        <v>67.139578910635677</v>
      </c>
      <c r="AT73" s="76">
        <v>4.6255999999999995</v>
      </c>
      <c r="AU73" s="294">
        <v>0.27847560733469573</v>
      </c>
      <c r="AV73" s="295">
        <v>8.7440741447296785E-2</v>
      </c>
      <c r="AW73" s="296">
        <v>0.38612786117440628</v>
      </c>
      <c r="AX73" s="295">
        <v>9.4321878799130468E-2</v>
      </c>
    </row>
    <row r="74" spans="1:50" s="5" customFormat="1">
      <c r="A74" s="45" t="s">
        <v>441</v>
      </c>
      <c r="B74" s="54">
        <v>95</v>
      </c>
      <c r="C74" s="55">
        <v>82.139793983107509</v>
      </c>
      <c r="D74" s="56">
        <v>3.3515999999999999</v>
      </c>
      <c r="E74" s="290">
        <v>5.8761569396475762E-2</v>
      </c>
      <c r="F74" s="297">
        <v>5.3455712213509553E-2</v>
      </c>
      <c r="G74" s="290">
        <v>0.63499209336768636</v>
      </c>
      <c r="H74" s="297">
        <v>9.7072281913098288E-2</v>
      </c>
      <c r="I74" s="54">
        <v>95</v>
      </c>
      <c r="J74" s="55">
        <v>71.14696591586177</v>
      </c>
      <c r="K74" s="56">
        <v>4.6059999999999999</v>
      </c>
      <c r="L74" s="290">
        <v>0.16006192314983164</v>
      </c>
      <c r="M74" s="297">
        <v>7.6168730562775289E-2</v>
      </c>
      <c r="N74" s="290">
        <v>0.44913097925246753</v>
      </c>
      <c r="O74" s="297">
        <v>0.1000236784149659</v>
      </c>
      <c r="P74" s="54">
        <v>94</v>
      </c>
      <c r="Q74" s="55">
        <v>74.829319470158126</v>
      </c>
      <c r="R74" s="56">
        <v>4.5863999999999994</v>
      </c>
      <c r="S74" s="290">
        <v>0.18819147280601142</v>
      </c>
      <c r="T74" s="297">
        <v>8.0951022610368448E-2</v>
      </c>
      <c r="U74" s="290">
        <v>0.55386522358525658</v>
      </c>
      <c r="V74" s="297">
        <v>0.10047449833784759</v>
      </c>
      <c r="W74" s="54">
        <v>95</v>
      </c>
      <c r="X74" s="55">
        <v>78.456531572438195</v>
      </c>
      <c r="Y74" s="56">
        <v>4.6647999999999996</v>
      </c>
      <c r="Z74" s="290">
        <v>0.2092216762662184</v>
      </c>
      <c r="AA74" s="297">
        <v>8.3398138184952203E-2</v>
      </c>
      <c r="AB74" s="290">
        <v>0.58774541481185683</v>
      </c>
      <c r="AC74" s="297">
        <v>9.9068456179708178E-2</v>
      </c>
      <c r="AD74" s="54">
        <v>95</v>
      </c>
      <c r="AE74" s="55">
        <v>88.277609722602648</v>
      </c>
      <c r="AF74" s="56">
        <v>3.6652</v>
      </c>
      <c r="AG74" s="290">
        <v>3.2386302301024836E-2</v>
      </c>
      <c r="AH74" s="297">
        <v>4.4335802475311756E-2</v>
      </c>
      <c r="AI74" s="290">
        <v>0.77266281777476342</v>
      </c>
      <c r="AJ74" s="297">
        <v>8.5644625941676517E-2</v>
      </c>
      <c r="AK74" s="54">
        <v>95</v>
      </c>
      <c r="AL74" s="55">
        <v>77.949887653595255</v>
      </c>
      <c r="AM74" s="56">
        <v>4.6255999999999995</v>
      </c>
      <c r="AN74" s="290">
        <v>0.15544937270318954</v>
      </c>
      <c r="AO74" s="297">
        <v>7.5393702435199023E-2</v>
      </c>
      <c r="AP74" s="290">
        <v>0.55870207050718335</v>
      </c>
      <c r="AQ74" s="297">
        <v>9.9863927768797059E-2</v>
      </c>
      <c r="AR74" s="54">
        <v>95</v>
      </c>
      <c r="AS74" s="55">
        <v>76.921040991216671</v>
      </c>
      <c r="AT74" s="56">
        <v>4.9783999999999997</v>
      </c>
      <c r="AU74" s="290">
        <v>0.14540062158188702</v>
      </c>
      <c r="AV74" s="297">
        <v>7.3639821516759019E-2</v>
      </c>
      <c r="AW74" s="290">
        <v>0.55811928632759134</v>
      </c>
      <c r="AX74" s="297">
        <v>9.9876609116345674E-2</v>
      </c>
    </row>
    <row r="75" spans="1:50" s="5" customFormat="1">
      <c r="A75" s="49" t="s">
        <v>442</v>
      </c>
      <c r="B75" s="74">
        <v>79</v>
      </c>
      <c r="C75" s="75">
        <v>69.946440547278272</v>
      </c>
      <c r="D75" s="76">
        <v>4.9391999999999996</v>
      </c>
      <c r="E75" s="294">
        <v>0.21490194043087604</v>
      </c>
      <c r="F75" s="295">
        <v>9.2192732112950329E-2</v>
      </c>
      <c r="G75" s="296">
        <v>0.44543767189735711</v>
      </c>
      <c r="H75" s="295">
        <v>0.10917058220237325</v>
      </c>
      <c r="I75" s="74">
        <v>79</v>
      </c>
      <c r="J75" s="75">
        <v>64.8510827511342</v>
      </c>
      <c r="K75" s="76">
        <v>4.7039999999999997</v>
      </c>
      <c r="L75" s="294">
        <v>0.32214214396508717</v>
      </c>
      <c r="M75" s="295">
        <v>0.10328160524202171</v>
      </c>
      <c r="N75" s="296">
        <v>0.32074777285347711</v>
      </c>
      <c r="O75" s="295">
        <v>0.10317630512378577</v>
      </c>
      <c r="P75" s="74">
        <v>79</v>
      </c>
      <c r="Q75" s="75">
        <v>64.086228176742338</v>
      </c>
      <c r="R75" s="76">
        <v>5.2919999999999998</v>
      </c>
      <c r="S75" s="294">
        <v>0.28672817838711695</v>
      </c>
      <c r="T75" s="295">
        <v>0.10031122013821255</v>
      </c>
      <c r="U75" s="296">
        <v>0.3271627602194585</v>
      </c>
      <c r="V75" s="295">
        <v>0.10365308343068264</v>
      </c>
      <c r="W75" s="74">
        <v>79</v>
      </c>
      <c r="X75" s="75">
        <v>74.247364907769878</v>
      </c>
      <c r="Y75" s="76">
        <v>5.5468000000000002</v>
      </c>
      <c r="Z75" s="294">
        <v>0.22730704548745356</v>
      </c>
      <c r="AA75" s="295">
        <v>9.3816846257226597E-2</v>
      </c>
      <c r="AB75" s="296">
        <v>0.59865751461265804</v>
      </c>
      <c r="AC75" s="295">
        <v>0.10781113309223533</v>
      </c>
      <c r="AD75" s="74">
        <v>79</v>
      </c>
      <c r="AE75" s="75">
        <v>81.348916221159243</v>
      </c>
      <c r="AF75" s="76">
        <v>4.4687999999999999</v>
      </c>
      <c r="AG75" s="294">
        <v>6.9525854067361392E-2</v>
      </c>
      <c r="AH75" s="295">
        <v>6.2910391421758458E-2</v>
      </c>
      <c r="AI75" s="296">
        <v>0.64621627695533834</v>
      </c>
      <c r="AJ75" s="295">
        <v>0.10542668142385186</v>
      </c>
      <c r="AK75" s="74">
        <v>79</v>
      </c>
      <c r="AL75" s="75">
        <v>61.521544836948635</v>
      </c>
      <c r="AM75" s="76">
        <v>5.88</v>
      </c>
      <c r="AN75" s="294">
        <v>0.42077407223117202</v>
      </c>
      <c r="AO75" s="295">
        <v>0.10850876641620141</v>
      </c>
      <c r="AP75" s="296">
        <v>0.27179626745395602</v>
      </c>
      <c r="AQ75" s="295">
        <v>9.8866240401304734E-2</v>
      </c>
      <c r="AR75" s="74">
        <v>78</v>
      </c>
      <c r="AS75" s="75">
        <v>62.407251390743809</v>
      </c>
      <c r="AT75" s="76">
        <v>5.8995999999999995</v>
      </c>
      <c r="AU75" s="294">
        <v>0.35464470848685353</v>
      </c>
      <c r="AV75" s="295">
        <v>0.10612529364211316</v>
      </c>
      <c r="AW75" s="296">
        <v>0.34333605358530611</v>
      </c>
      <c r="AX75" s="295">
        <v>0.10541266234021571</v>
      </c>
    </row>
    <row r="76" spans="1:50" s="5" customFormat="1">
      <c r="A76" s="45" t="s">
        <v>446</v>
      </c>
      <c r="B76" s="71">
        <v>116</v>
      </c>
      <c r="C76" s="72">
        <v>74.73122766534452</v>
      </c>
      <c r="D76" s="73">
        <v>3.0968</v>
      </c>
      <c r="E76" s="291">
        <v>0.13871074728912069</v>
      </c>
      <c r="F76" s="292">
        <v>6.5326624885573517E-2</v>
      </c>
      <c r="G76" s="293">
        <v>0.49227250586375443</v>
      </c>
      <c r="H76" s="292">
        <v>9.1276904787880933E-2</v>
      </c>
      <c r="I76" s="71">
        <v>115</v>
      </c>
      <c r="J76" s="72">
        <v>67.074186633638348</v>
      </c>
      <c r="K76" s="73">
        <v>3.234</v>
      </c>
      <c r="L76" s="291">
        <v>0.27544845229910686</v>
      </c>
      <c r="M76" s="292">
        <v>8.258622977134418E-2</v>
      </c>
      <c r="N76" s="293">
        <v>0.28382765473069993</v>
      </c>
      <c r="O76" s="292">
        <v>8.3285125959303027E-2</v>
      </c>
      <c r="P76" s="71">
        <v>116</v>
      </c>
      <c r="Q76" s="72">
        <v>72.435961546560009</v>
      </c>
      <c r="R76" s="73">
        <v>3.4887999999999999</v>
      </c>
      <c r="S76" s="291">
        <v>0.23427668468872886</v>
      </c>
      <c r="T76" s="292">
        <v>7.8319840839813137E-2</v>
      </c>
      <c r="U76" s="293">
        <v>0.50313801563909277</v>
      </c>
      <c r="V76" s="292">
        <v>9.1285412926111989E-2</v>
      </c>
      <c r="W76" s="71">
        <v>115</v>
      </c>
      <c r="X76" s="72">
        <v>75.068792146896868</v>
      </c>
      <c r="Y76" s="73">
        <v>3.7631999999999999</v>
      </c>
      <c r="Z76" s="291">
        <v>0.16375033499992078</v>
      </c>
      <c r="AA76" s="292">
        <v>6.9671340404298773E-2</v>
      </c>
      <c r="AB76" s="293">
        <v>0.50428861237403277</v>
      </c>
      <c r="AC76" s="292">
        <v>9.1666700509502125E-2</v>
      </c>
      <c r="AD76" s="71">
        <v>116</v>
      </c>
      <c r="AE76" s="72">
        <v>76.756462349990954</v>
      </c>
      <c r="AF76" s="73">
        <v>3.7239999999999998</v>
      </c>
      <c r="AG76" s="291">
        <v>0.18319391353257442</v>
      </c>
      <c r="AH76" s="292">
        <v>7.2160344323627307E-2</v>
      </c>
      <c r="AI76" s="293">
        <v>0.64517970138803171</v>
      </c>
      <c r="AJ76" s="292">
        <v>8.76174598848979E-2</v>
      </c>
      <c r="AK76" s="71">
        <v>116</v>
      </c>
      <c r="AL76" s="72">
        <v>68.175968586151939</v>
      </c>
      <c r="AM76" s="73">
        <v>4.1747999999999994</v>
      </c>
      <c r="AN76" s="291">
        <v>0.27590715134915783</v>
      </c>
      <c r="AO76" s="292">
        <v>8.2274831746199359E-2</v>
      </c>
      <c r="AP76" s="293">
        <v>0.40154728353413544</v>
      </c>
      <c r="AQ76" s="292">
        <v>8.9618169384593535E-2</v>
      </c>
      <c r="AR76" s="71">
        <v>116</v>
      </c>
      <c r="AS76" s="72">
        <v>70.393635472430091</v>
      </c>
      <c r="AT76" s="73">
        <v>4.2728000000000002</v>
      </c>
      <c r="AU76" s="291">
        <v>0.25535900594422495</v>
      </c>
      <c r="AV76" s="292">
        <v>8.0430970948188504E-2</v>
      </c>
      <c r="AW76" s="293">
        <v>0.49672413033849272</v>
      </c>
      <c r="AX76" s="292">
        <v>9.1285262077317991E-2</v>
      </c>
    </row>
    <row r="77" spans="1:50">
      <c r="A77" s="49" t="s">
        <v>447</v>
      </c>
      <c r="B77" s="74">
        <v>107</v>
      </c>
      <c r="C77" s="75">
        <v>74.749326641999531</v>
      </c>
      <c r="D77" s="76">
        <v>3.9592000000000001</v>
      </c>
      <c r="E77" s="294">
        <v>0.21401449535420472</v>
      </c>
      <c r="F77" s="295">
        <v>7.9185195540023165E-2</v>
      </c>
      <c r="G77" s="296">
        <v>0.59010455453862742</v>
      </c>
      <c r="H77" s="295">
        <v>9.3472695271382106E-2</v>
      </c>
      <c r="I77" s="74">
        <v>107</v>
      </c>
      <c r="J77" s="75">
        <v>66.684283292676668</v>
      </c>
      <c r="K77" s="76">
        <v>4.6452</v>
      </c>
      <c r="L77" s="294">
        <v>0.28591184376727768</v>
      </c>
      <c r="M77" s="295">
        <v>8.6453669177526837E-2</v>
      </c>
      <c r="N77" s="296">
        <v>0.41814341885999834</v>
      </c>
      <c r="O77" s="295">
        <v>9.3726402251480587E-2</v>
      </c>
      <c r="P77" s="74">
        <v>106</v>
      </c>
      <c r="Q77" s="75">
        <v>65.370111594572549</v>
      </c>
      <c r="R77" s="76">
        <v>4.8412000000000006</v>
      </c>
      <c r="S77" s="294">
        <v>0.41924472345994085</v>
      </c>
      <c r="T77" s="295">
        <v>9.4184392966395469E-2</v>
      </c>
      <c r="U77" s="296">
        <v>0.3854103391091539</v>
      </c>
      <c r="V77" s="295">
        <v>9.2992045243691299E-2</v>
      </c>
      <c r="W77" s="74">
        <v>106</v>
      </c>
      <c r="X77" s="75">
        <v>76.813831513593712</v>
      </c>
      <c r="Y77" s="76">
        <v>5.0568</v>
      </c>
      <c r="Z77" s="294">
        <v>0.16162400412338579</v>
      </c>
      <c r="AA77" s="295">
        <v>7.2281629210433462E-2</v>
      </c>
      <c r="AB77" s="296">
        <v>0.6211931839896917</v>
      </c>
      <c r="AC77" s="295">
        <v>9.2708927301551419E-2</v>
      </c>
      <c r="AD77" s="74">
        <v>106</v>
      </c>
      <c r="AE77" s="75">
        <v>82.01518934012276</v>
      </c>
      <c r="AF77" s="76">
        <v>3.6847999999999996</v>
      </c>
      <c r="AG77" s="294">
        <v>8.1093555883319388E-2</v>
      </c>
      <c r="AH77" s="295">
        <v>5.6261635407921111E-2</v>
      </c>
      <c r="AI77" s="296">
        <v>0.6518109951599298</v>
      </c>
      <c r="AJ77" s="295">
        <v>9.1173971907110046E-2</v>
      </c>
      <c r="AK77" s="74">
        <v>107</v>
      </c>
      <c r="AL77" s="75">
        <v>69.435385645647855</v>
      </c>
      <c r="AM77" s="76">
        <v>4.7039999999999997</v>
      </c>
      <c r="AN77" s="294">
        <v>0.32705946470310038</v>
      </c>
      <c r="AO77" s="295">
        <v>8.9484669726527077E-2</v>
      </c>
      <c r="AP77" s="296">
        <v>0.38060300175748074</v>
      </c>
      <c r="AQ77" s="295">
        <v>9.2366929504572731E-2</v>
      </c>
      <c r="AR77" s="74">
        <v>107</v>
      </c>
      <c r="AS77" s="75">
        <v>63.411304407803705</v>
      </c>
      <c r="AT77" s="76">
        <v>5.1547999999999998</v>
      </c>
      <c r="AU77" s="294">
        <v>0.39557027618015222</v>
      </c>
      <c r="AV77" s="295">
        <v>9.2972195336832472E-2</v>
      </c>
      <c r="AW77" s="296">
        <v>0.33071096098086356</v>
      </c>
      <c r="AX77" s="295">
        <v>8.9718177908800045E-2</v>
      </c>
    </row>
    <row r="78" spans="1:50" ht="25.5">
      <c r="A78" s="45" t="s">
        <v>448</v>
      </c>
      <c r="B78" s="54">
        <v>149</v>
      </c>
      <c r="C78" s="55">
        <v>72.810009191294952</v>
      </c>
      <c r="D78" s="56">
        <v>2.9988000000000001</v>
      </c>
      <c r="E78" s="290">
        <v>0.22692820710096515</v>
      </c>
      <c r="F78" s="297">
        <v>6.8462063304842141E-2</v>
      </c>
      <c r="G78" s="290">
        <v>0.43453652080029631</v>
      </c>
      <c r="H78" s="297">
        <v>8.0185353982765231E-2</v>
      </c>
      <c r="I78" s="54">
        <v>149</v>
      </c>
      <c r="J78" s="55">
        <v>66.81426814531315</v>
      </c>
      <c r="K78" s="56">
        <v>3.6456</v>
      </c>
      <c r="L78" s="290">
        <v>0.3016086853517877</v>
      </c>
      <c r="M78" s="297">
        <v>7.4565754160828238E-2</v>
      </c>
      <c r="N78" s="290">
        <v>0.31503915625539641</v>
      </c>
      <c r="O78" s="297">
        <v>7.5416904625596193E-2</v>
      </c>
      <c r="P78" s="54">
        <v>149</v>
      </c>
      <c r="Q78" s="55">
        <v>66.535926734408577</v>
      </c>
      <c r="R78" s="56">
        <v>3.3515999999999999</v>
      </c>
      <c r="S78" s="290">
        <v>0.30970811045668079</v>
      </c>
      <c r="T78" s="297">
        <v>7.5087336064024707E-2</v>
      </c>
      <c r="U78" s="290">
        <v>0.25329950233238396</v>
      </c>
      <c r="V78" s="297">
        <v>7.0900749481303593E-2</v>
      </c>
      <c r="W78" s="54">
        <v>148</v>
      </c>
      <c r="X78" s="55">
        <v>73.283766151446528</v>
      </c>
      <c r="Y78" s="56">
        <v>4.1159999999999997</v>
      </c>
      <c r="Z78" s="290">
        <v>0.27517889363825015</v>
      </c>
      <c r="AA78" s="297">
        <v>7.2924024164165102E-2</v>
      </c>
      <c r="AB78" s="290">
        <v>0.55174312556429339</v>
      </c>
      <c r="AC78" s="297">
        <v>8.0697894717274926E-2</v>
      </c>
      <c r="AD78" s="54">
        <v>148</v>
      </c>
      <c r="AE78" s="55">
        <v>73.535032178326858</v>
      </c>
      <c r="AF78" s="56">
        <v>3.8611999999999997</v>
      </c>
      <c r="AG78" s="290">
        <v>0.24831728158148952</v>
      </c>
      <c r="AH78" s="297">
        <v>7.0700600544181841E-2</v>
      </c>
      <c r="AI78" s="290">
        <v>0.54210354310418429</v>
      </c>
      <c r="AJ78" s="297">
        <v>8.0837615732790427E-2</v>
      </c>
      <c r="AK78" s="54">
        <v>148</v>
      </c>
      <c r="AL78" s="55">
        <v>62.528090181074653</v>
      </c>
      <c r="AM78" s="56">
        <v>4.0768000000000004</v>
      </c>
      <c r="AN78" s="290">
        <v>0.41091783900212953</v>
      </c>
      <c r="AO78" s="297">
        <v>7.9880920884790457E-2</v>
      </c>
      <c r="AP78" s="290">
        <v>0.33730357268448785</v>
      </c>
      <c r="AQ78" s="297">
        <v>7.6932079755421226E-2</v>
      </c>
      <c r="AR78" s="54">
        <v>148</v>
      </c>
      <c r="AS78" s="55">
        <v>60.121771019423285</v>
      </c>
      <c r="AT78" s="56">
        <v>4.2531999999999996</v>
      </c>
      <c r="AU78" s="290">
        <v>0.45327092631826132</v>
      </c>
      <c r="AV78" s="297">
        <v>8.0774182973094633E-2</v>
      </c>
      <c r="AW78" s="290">
        <v>0.30523766145129316</v>
      </c>
      <c r="AX78" s="297">
        <v>7.5050474765852263E-2</v>
      </c>
    </row>
    <row r="79" spans="1:50">
      <c r="A79" s="49" t="s">
        <v>449</v>
      </c>
      <c r="B79" s="74">
        <v>195</v>
      </c>
      <c r="C79" s="75">
        <v>69.537658138303229</v>
      </c>
      <c r="D79" s="76">
        <v>3.3712</v>
      </c>
      <c r="E79" s="294">
        <v>0.32861917287281001</v>
      </c>
      <c r="F79" s="295">
        <v>6.6770062872859512E-2</v>
      </c>
      <c r="G79" s="296">
        <v>0.41268255502264189</v>
      </c>
      <c r="H79" s="295">
        <v>6.9842477365779199E-2</v>
      </c>
      <c r="I79" s="74">
        <v>194</v>
      </c>
      <c r="J79" s="75">
        <v>65.946156641438648</v>
      </c>
      <c r="K79" s="76">
        <v>3.6259999999999999</v>
      </c>
      <c r="L79" s="294">
        <v>0.33251927245225665</v>
      </c>
      <c r="M79" s="295">
        <v>6.7130520116013476E-2</v>
      </c>
      <c r="N79" s="296">
        <v>0.35620066023882974</v>
      </c>
      <c r="O79" s="295">
        <v>6.8187026743291454E-2</v>
      </c>
      <c r="P79" s="74">
        <v>193</v>
      </c>
      <c r="Q79" s="75">
        <v>63.095720904167564</v>
      </c>
      <c r="R79" s="76">
        <v>3.8220000000000001</v>
      </c>
      <c r="S79" s="294">
        <v>0.35948685616321557</v>
      </c>
      <c r="T79" s="295">
        <v>6.8493536095203922E-2</v>
      </c>
      <c r="U79" s="296">
        <v>0.34046227753458724</v>
      </c>
      <c r="V79" s="295">
        <v>6.7676569899406527E-2</v>
      </c>
      <c r="W79" s="74">
        <v>193</v>
      </c>
      <c r="X79" s="75">
        <v>71.654785701365967</v>
      </c>
      <c r="Y79" s="76">
        <v>3.6259999999999999</v>
      </c>
      <c r="Z79" s="294">
        <v>0.28420744709121121</v>
      </c>
      <c r="AA79" s="295">
        <v>6.4564986862865686E-2</v>
      </c>
      <c r="AB79" s="296">
        <v>0.50240262183878082</v>
      </c>
      <c r="AC79" s="295">
        <v>7.1246260487617341E-2</v>
      </c>
      <c r="AD79" s="74">
        <v>194</v>
      </c>
      <c r="AE79" s="75">
        <v>74.226411620372431</v>
      </c>
      <c r="AF79" s="76">
        <v>3.1947999999999999</v>
      </c>
      <c r="AG79" s="294">
        <v>0.23644021742130575</v>
      </c>
      <c r="AH79" s="295">
        <v>6.0854937279702814E-2</v>
      </c>
      <c r="AI79" s="296">
        <v>0.49655595607781444</v>
      </c>
      <c r="AJ79" s="295">
        <v>7.1065286951555742E-2</v>
      </c>
      <c r="AK79" s="74">
        <v>194</v>
      </c>
      <c r="AL79" s="75">
        <v>61.73444702517925</v>
      </c>
      <c r="AM79" s="76">
        <v>3.5476000000000001</v>
      </c>
      <c r="AN79" s="294">
        <v>0.41171116687350945</v>
      </c>
      <c r="AO79" s="295">
        <v>6.9995215832848734E-2</v>
      </c>
      <c r="AP79" s="296">
        <v>0.26775504204884881</v>
      </c>
      <c r="AQ79" s="295">
        <v>6.3280610941277932E-2</v>
      </c>
      <c r="AR79" s="74">
        <v>193</v>
      </c>
      <c r="AS79" s="75">
        <v>65.872926006134932</v>
      </c>
      <c r="AT79" s="76">
        <v>3.7631999999999999</v>
      </c>
      <c r="AU79" s="294">
        <v>0.33118466177024525</v>
      </c>
      <c r="AV79" s="295">
        <v>6.7236522676855967E-2</v>
      </c>
      <c r="AW79" s="296">
        <v>0.34240836257420115</v>
      </c>
      <c r="AX79" s="295">
        <v>6.7765371547382991E-2</v>
      </c>
    </row>
    <row r="80" spans="1:50">
      <c r="A80" s="57" t="s">
        <v>450</v>
      </c>
      <c r="B80" s="71">
        <v>132</v>
      </c>
      <c r="C80" s="72">
        <v>72.458027406176015</v>
      </c>
      <c r="D80" s="73">
        <v>3.8415999999999997</v>
      </c>
      <c r="E80" s="291">
        <v>0.25898534766977277</v>
      </c>
      <c r="F80" s="292">
        <v>7.5785811382369159E-2</v>
      </c>
      <c r="G80" s="293">
        <v>0.52568094464871418</v>
      </c>
      <c r="H80" s="292">
        <v>8.5642676506150039E-2</v>
      </c>
      <c r="I80" s="71">
        <v>132</v>
      </c>
      <c r="J80" s="72">
        <v>65.943054637496786</v>
      </c>
      <c r="K80" s="73">
        <v>4.0964</v>
      </c>
      <c r="L80" s="291">
        <v>0.30777587856617294</v>
      </c>
      <c r="M80" s="292">
        <v>7.9556021590447251E-2</v>
      </c>
      <c r="N80" s="293">
        <v>0.39180513552935325</v>
      </c>
      <c r="O80" s="292">
        <v>8.3836735718023164E-2</v>
      </c>
      <c r="P80" s="71">
        <v>130</v>
      </c>
      <c r="Q80" s="72">
        <v>62.390824949212735</v>
      </c>
      <c r="R80" s="73">
        <v>4.41</v>
      </c>
      <c r="S80" s="291">
        <v>0.44076863410272221</v>
      </c>
      <c r="T80" s="292">
        <v>8.5814442845040223E-2</v>
      </c>
      <c r="U80" s="293">
        <v>0.33809149206953437</v>
      </c>
      <c r="V80" s="292">
        <v>8.2013343110917472E-2</v>
      </c>
      <c r="W80" s="71">
        <v>131</v>
      </c>
      <c r="X80" s="72">
        <v>68.856932833426228</v>
      </c>
      <c r="Y80" s="73">
        <v>4.0179999999999998</v>
      </c>
      <c r="Z80" s="291">
        <v>0.35078298732537394</v>
      </c>
      <c r="AA80" s="292">
        <v>8.2378383646374231E-2</v>
      </c>
      <c r="AB80" s="293">
        <v>0.42964888523915939</v>
      </c>
      <c r="AC80" s="292">
        <v>8.5260327491504195E-2</v>
      </c>
      <c r="AD80" s="71">
        <v>131</v>
      </c>
      <c r="AE80" s="72">
        <v>80.369464579679203</v>
      </c>
      <c r="AF80" s="73">
        <v>3.4495999999999998</v>
      </c>
      <c r="AG80" s="291">
        <v>0.11908002410660486</v>
      </c>
      <c r="AH80" s="292">
        <v>5.7958121959466757E-2</v>
      </c>
      <c r="AI80" s="293">
        <v>0.73532123037927821</v>
      </c>
      <c r="AJ80" s="292">
        <v>7.6566475327252373E-2</v>
      </c>
      <c r="AK80" s="71">
        <v>132</v>
      </c>
      <c r="AL80" s="72">
        <v>62.567703217877451</v>
      </c>
      <c r="AM80" s="73">
        <v>4.4492000000000003</v>
      </c>
      <c r="AN80" s="291">
        <v>0.43033612486059369</v>
      </c>
      <c r="AO80" s="292">
        <v>8.496162112953147E-2</v>
      </c>
      <c r="AP80" s="293">
        <v>0.33584893926375575</v>
      </c>
      <c r="AQ80" s="292">
        <v>8.1279502067377177E-2</v>
      </c>
      <c r="AR80" s="71">
        <v>133</v>
      </c>
      <c r="AS80" s="72">
        <v>65.709386387233309</v>
      </c>
      <c r="AT80" s="73">
        <v>4.5863999999999994</v>
      </c>
      <c r="AU80" s="291">
        <v>0.41869951001050376</v>
      </c>
      <c r="AV80" s="292">
        <v>8.4364618392772636E-2</v>
      </c>
      <c r="AW80" s="293">
        <v>0.39510404158188561</v>
      </c>
      <c r="AX80" s="292">
        <v>8.3645057962247887E-2</v>
      </c>
    </row>
    <row r="81" spans="1:50">
      <c r="A81" s="49" t="s">
        <v>443</v>
      </c>
      <c r="B81" s="74">
        <v>74</v>
      </c>
      <c r="C81" s="75">
        <v>73.476421897865592</v>
      </c>
      <c r="D81" s="76">
        <v>5.2332000000000001</v>
      </c>
      <c r="E81" s="294">
        <v>0.21819840972819035</v>
      </c>
      <c r="F81" s="295">
        <v>9.5682127661710414E-2</v>
      </c>
      <c r="G81" s="296">
        <v>0.60344434672331526</v>
      </c>
      <c r="H81" s="295">
        <v>0.11102520778337358</v>
      </c>
      <c r="I81" s="74">
        <v>74</v>
      </c>
      <c r="J81" s="75">
        <v>68.515932449679511</v>
      </c>
      <c r="K81" s="76">
        <v>5.2332000000000001</v>
      </c>
      <c r="L81" s="294">
        <v>0.19990864774462541</v>
      </c>
      <c r="M81" s="295">
        <v>9.3079712600637077E-2</v>
      </c>
      <c r="N81" s="296">
        <v>0.37163002086066477</v>
      </c>
      <c r="O81" s="295">
        <v>0.10981755270190544</v>
      </c>
      <c r="P81" s="74">
        <v>72</v>
      </c>
      <c r="Q81" s="75">
        <v>64.264909035800244</v>
      </c>
      <c r="R81" s="76">
        <v>6.0564</v>
      </c>
      <c r="S81" s="294">
        <v>0.40703425747190541</v>
      </c>
      <c r="T81" s="295">
        <v>0.11291430853476225</v>
      </c>
      <c r="U81" s="296">
        <v>0.38532143375692973</v>
      </c>
      <c r="V81" s="295">
        <v>0.11196727215886985</v>
      </c>
      <c r="W81" s="74">
        <v>73</v>
      </c>
      <c r="X81" s="75">
        <v>70.789036308956014</v>
      </c>
      <c r="Y81" s="76">
        <v>5.3704000000000001</v>
      </c>
      <c r="Z81" s="294">
        <v>0.25998950861069303</v>
      </c>
      <c r="AA81" s="295">
        <v>0.10147597754748623</v>
      </c>
      <c r="AB81" s="296">
        <v>0.50395578466838187</v>
      </c>
      <c r="AC81" s="295">
        <v>0.11395737077868238</v>
      </c>
      <c r="AD81" s="74">
        <v>73</v>
      </c>
      <c r="AE81" s="75">
        <v>81.420492069651289</v>
      </c>
      <c r="AF81" s="76">
        <v>4.6844000000000001</v>
      </c>
      <c r="AG81" s="294">
        <v>0.10252307788738504</v>
      </c>
      <c r="AH81" s="295">
        <v>7.4902561072583806E-2</v>
      </c>
      <c r="AI81" s="296">
        <v>0.80895827931743713</v>
      </c>
      <c r="AJ81" s="295">
        <v>9.2358592921319566E-2</v>
      </c>
      <c r="AK81" s="74">
        <v>75</v>
      </c>
      <c r="AL81" s="75">
        <v>67.205939243095301</v>
      </c>
      <c r="AM81" s="76">
        <v>6.2328000000000001</v>
      </c>
      <c r="AN81" s="294">
        <v>0.36963283490307247</v>
      </c>
      <c r="AO81" s="295">
        <v>0.10900746786167123</v>
      </c>
      <c r="AP81" s="296">
        <v>0.41907458886926774</v>
      </c>
      <c r="AQ81" s="295">
        <v>0.11117268365136693</v>
      </c>
      <c r="AR81" s="74">
        <v>75</v>
      </c>
      <c r="AS81" s="75">
        <v>66.912012425240036</v>
      </c>
      <c r="AT81" s="76">
        <v>6.1739999999999995</v>
      </c>
      <c r="AU81" s="294">
        <v>0.35011178592595288</v>
      </c>
      <c r="AV81" s="295">
        <v>0.10785621286574806</v>
      </c>
      <c r="AW81" s="296">
        <v>0.42029675364753927</v>
      </c>
      <c r="AX81" s="295">
        <v>0.11121296901353565</v>
      </c>
    </row>
    <row r="82" spans="1:50">
      <c r="A82" s="57" t="s">
        <v>451</v>
      </c>
      <c r="B82" s="71">
        <v>153</v>
      </c>
      <c r="C82" s="72">
        <v>67.38896484045739</v>
      </c>
      <c r="D82" s="73">
        <v>3.8415999999999997</v>
      </c>
      <c r="E82" s="291">
        <v>0.30504678683245279</v>
      </c>
      <c r="F82" s="292">
        <v>7.3822859754826553E-2</v>
      </c>
      <c r="G82" s="293">
        <v>0.4672123983038482</v>
      </c>
      <c r="H82" s="292">
        <v>7.9645560977213981E-2</v>
      </c>
      <c r="I82" s="71">
        <v>153</v>
      </c>
      <c r="J82" s="72">
        <v>60.397993136736339</v>
      </c>
      <c r="K82" s="73">
        <v>4.0571999999999999</v>
      </c>
      <c r="L82" s="291">
        <v>0.41085557836733194</v>
      </c>
      <c r="M82" s="292">
        <v>7.8594831773423426E-2</v>
      </c>
      <c r="N82" s="293">
        <v>0.31502424654922062</v>
      </c>
      <c r="O82" s="292">
        <v>7.4441487728698269E-2</v>
      </c>
      <c r="P82" s="71">
        <v>153</v>
      </c>
      <c r="Q82" s="72">
        <v>61.898573909145924</v>
      </c>
      <c r="R82" s="73">
        <v>4.2139999999999995</v>
      </c>
      <c r="S82" s="291">
        <v>0.42557007470107339</v>
      </c>
      <c r="T82" s="292">
        <v>7.896445604597592E-2</v>
      </c>
      <c r="U82" s="293">
        <v>0.35647506657661809</v>
      </c>
      <c r="V82" s="292">
        <v>7.6622471536995959E-2</v>
      </c>
      <c r="W82" s="71">
        <v>153</v>
      </c>
      <c r="X82" s="72">
        <v>69.571941869061291</v>
      </c>
      <c r="Y82" s="73">
        <v>4.2336</v>
      </c>
      <c r="Z82" s="291">
        <v>0.2677849851050399</v>
      </c>
      <c r="AA82" s="292">
        <v>7.1166601771643176E-2</v>
      </c>
      <c r="AB82" s="293">
        <v>0.5019532260257753</v>
      </c>
      <c r="AC82" s="292">
        <v>7.9808110123975248E-2</v>
      </c>
      <c r="AD82" s="71">
        <v>152</v>
      </c>
      <c r="AE82" s="72">
        <v>77.652575049919079</v>
      </c>
      <c r="AF82" s="73">
        <v>3.2927999999999997</v>
      </c>
      <c r="AG82" s="291">
        <v>0.19012553372852126</v>
      </c>
      <c r="AH82" s="292">
        <v>6.381843211036782E-2</v>
      </c>
      <c r="AI82" s="293">
        <v>0.60021591715760803</v>
      </c>
      <c r="AJ82" s="292">
        <v>7.8522445646619504E-2</v>
      </c>
      <c r="AK82" s="71">
        <v>152</v>
      </c>
      <c r="AL82" s="72">
        <v>64.813474556108019</v>
      </c>
      <c r="AM82" s="73">
        <v>4.2728000000000002</v>
      </c>
      <c r="AN82" s="291">
        <v>0.37065733583258836</v>
      </c>
      <c r="AO82" s="292">
        <v>7.7479095699050482E-2</v>
      </c>
      <c r="AP82" s="293">
        <v>0.38037387884423579</v>
      </c>
      <c r="AQ82" s="292">
        <v>7.7858196167127733E-2</v>
      </c>
      <c r="AR82" s="71">
        <v>152</v>
      </c>
      <c r="AS82" s="72">
        <v>64.647926787382531</v>
      </c>
      <c r="AT82" s="73">
        <v>4.508</v>
      </c>
      <c r="AU82" s="291">
        <v>0.37393375374134991</v>
      </c>
      <c r="AV82" s="292">
        <v>7.7610444526186567E-2</v>
      </c>
      <c r="AW82" s="293">
        <v>0.46029097802650465</v>
      </c>
      <c r="AX82" s="292">
        <v>7.9824008140873884E-2</v>
      </c>
    </row>
    <row r="83" spans="1:50" s="5" customFormat="1"/>
    <row r="84" spans="1:50" s="5" customFormat="1"/>
    <row r="85" spans="1:50" s="5" customFormat="1"/>
    <row r="86" spans="1:50" s="5" customFormat="1"/>
    <row r="87" spans="1:50" s="5" customFormat="1"/>
    <row r="88" spans="1:50" s="5" customFormat="1"/>
    <row r="90" spans="1:50" ht="18.75">
      <c r="A90" s="316" t="s">
        <v>285</v>
      </c>
      <c r="B90" s="316"/>
      <c r="C90" s="316"/>
      <c r="D90" s="316"/>
      <c r="E90" s="316"/>
      <c r="F90" s="316"/>
      <c r="G90" s="316"/>
      <c r="H90" s="316"/>
    </row>
    <row r="91" spans="1:50" ht="72.75" customHeight="1">
      <c r="A91" s="318" t="s">
        <v>289</v>
      </c>
      <c r="B91" s="318"/>
      <c r="C91" s="318"/>
      <c r="D91" s="318"/>
      <c r="E91" s="318"/>
      <c r="F91" s="318"/>
      <c r="G91" s="318"/>
      <c r="H91" s="318"/>
    </row>
    <row r="92" spans="1:50" ht="33" customHeight="1">
      <c r="A92" s="319" t="s">
        <v>286</v>
      </c>
      <c r="B92" s="320"/>
      <c r="C92" s="320"/>
      <c r="D92" s="320"/>
      <c r="E92" s="320"/>
      <c r="F92" s="320"/>
      <c r="G92" s="320"/>
      <c r="H92" s="321"/>
    </row>
    <row r="93" spans="1:50" ht="42" customHeight="1">
      <c r="A93" s="37" t="s">
        <v>85</v>
      </c>
      <c r="B93" s="38" t="s">
        <v>86</v>
      </c>
      <c r="C93" s="39" t="s">
        <v>87</v>
      </c>
      <c r="D93" s="40" t="s">
        <v>88</v>
      </c>
      <c r="E93" s="39" t="s">
        <v>409</v>
      </c>
      <c r="F93" s="40" t="s">
        <v>413</v>
      </c>
      <c r="G93" s="39" t="s">
        <v>411</v>
      </c>
      <c r="H93" s="40" t="s">
        <v>414</v>
      </c>
    </row>
    <row r="94" spans="1:50" ht="109.5" customHeight="1">
      <c r="A94" s="41"/>
      <c r="B94" s="42" t="s">
        <v>89</v>
      </c>
      <c r="C94" s="43" t="s">
        <v>292</v>
      </c>
      <c r="D94" s="44" t="s">
        <v>91</v>
      </c>
      <c r="E94" s="43" t="s">
        <v>410</v>
      </c>
      <c r="F94" s="91" t="s">
        <v>104</v>
      </c>
      <c r="G94" s="43" t="s">
        <v>412</v>
      </c>
      <c r="H94" s="91" t="s">
        <v>104</v>
      </c>
    </row>
    <row r="95" spans="1:50">
      <c r="A95" s="45" t="s">
        <v>435</v>
      </c>
      <c r="B95" s="77">
        <v>8473</v>
      </c>
      <c r="C95" s="78">
        <v>70.806989823608035</v>
      </c>
      <c r="D95" s="79">
        <v>0.51492840677209151</v>
      </c>
      <c r="E95" s="291">
        <v>0.24759942993317427</v>
      </c>
      <c r="F95" s="292">
        <v>9.3773112832664183E-3</v>
      </c>
      <c r="G95" s="291">
        <v>0.48110213296680271</v>
      </c>
      <c r="H95" s="292">
        <v>1.0853474272107861E-2</v>
      </c>
    </row>
    <row r="96" spans="1:50">
      <c r="A96" s="49" t="s">
        <v>436</v>
      </c>
      <c r="B96" s="80">
        <v>7880</v>
      </c>
      <c r="C96" s="81">
        <v>70.44400108077626</v>
      </c>
      <c r="D96" s="82">
        <v>0.54099223729664803</v>
      </c>
      <c r="E96" s="294">
        <v>0.2534547164679693</v>
      </c>
      <c r="F96" s="295">
        <v>9.7995404287269244E-3</v>
      </c>
      <c r="G96" s="294">
        <v>0.47528367173406427</v>
      </c>
      <c r="H96" s="295">
        <v>1.1248535004562479E-2</v>
      </c>
    </row>
    <row r="97" spans="1:8" s="5" customFormat="1">
      <c r="A97" s="45" t="s">
        <v>437</v>
      </c>
      <c r="B97" s="77">
        <v>761</v>
      </c>
      <c r="C97" s="78">
        <v>65.640626999999995</v>
      </c>
      <c r="D97" s="79">
        <v>1.7664499999999999</v>
      </c>
      <c r="E97" s="290">
        <v>0.318</v>
      </c>
      <c r="F97" s="297">
        <v>3.3701611773795291E-2</v>
      </c>
      <c r="G97" s="290">
        <v>0.373</v>
      </c>
      <c r="H97" s="297">
        <v>3.498191714501106E-2</v>
      </c>
    </row>
    <row r="98" spans="1:8" s="5" customFormat="1">
      <c r="A98" s="49" t="s">
        <v>438</v>
      </c>
      <c r="B98" s="80">
        <v>880</v>
      </c>
      <c r="C98" s="81">
        <v>68.009627005369737</v>
      </c>
      <c r="D98" s="82">
        <v>1.6779570875379508</v>
      </c>
      <c r="E98" s="294">
        <v>0.29369661485853399</v>
      </c>
      <c r="F98" s="295">
        <v>3.0665559119710868E-2</v>
      </c>
      <c r="G98" s="294">
        <v>0.44317124312630485</v>
      </c>
      <c r="H98" s="295">
        <v>3.3417667623924466E-2</v>
      </c>
    </row>
    <row r="99" spans="1:8" s="5" customFormat="1">
      <c r="A99" s="45" t="s">
        <v>439</v>
      </c>
      <c r="B99" s="77">
        <v>822</v>
      </c>
      <c r="C99" s="78">
        <v>66.555762000000001</v>
      </c>
      <c r="D99" s="79">
        <v>1.65264652</v>
      </c>
      <c r="E99" s="290">
        <v>0.31900000000000001</v>
      </c>
      <c r="F99" s="297">
        <v>3.2458245074903677E-2</v>
      </c>
      <c r="G99" s="290">
        <v>0.42699999999999999</v>
      </c>
      <c r="H99" s="297">
        <v>3.442523481913759E-2</v>
      </c>
    </row>
    <row r="100" spans="1:8" s="5" customFormat="1">
      <c r="A100" s="49" t="s">
        <v>444</v>
      </c>
      <c r="B100" s="80">
        <v>17</v>
      </c>
      <c r="C100" s="81">
        <v>71.782225060452063</v>
      </c>
      <c r="D100" s="82">
        <v>9.9005239039485744</v>
      </c>
      <c r="E100" s="294">
        <v>0.13474759280679152</v>
      </c>
      <c r="F100" s="295">
        <v>0.17597241668495159</v>
      </c>
      <c r="G100" s="294">
        <v>0.47186834814064749</v>
      </c>
      <c r="H100" s="295">
        <v>0.21799142816247549</v>
      </c>
    </row>
    <row r="101" spans="1:8" s="5" customFormat="1">
      <c r="A101" s="45" t="s">
        <v>445</v>
      </c>
      <c r="B101" s="77">
        <v>261</v>
      </c>
      <c r="C101" s="78">
        <v>70.259446790249456</v>
      </c>
      <c r="D101" s="79">
        <v>3.0619737087454566</v>
      </c>
      <c r="E101" s="290">
        <v>0.25424987454907072</v>
      </c>
      <c r="F101" s="297">
        <v>5.3752234471198625E-2</v>
      </c>
      <c r="G101" s="290">
        <v>0.50250430080303787</v>
      </c>
      <c r="H101" s="297">
        <v>6.1428764250937885E-2</v>
      </c>
    </row>
    <row r="102" spans="1:8" s="5" customFormat="1">
      <c r="A102" s="49" t="s">
        <v>440</v>
      </c>
      <c r="B102" s="80">
        <v>91</v>
      </c>
      <c r="C102" s="81">
        <v>68.164432287285507</v>
      </c>
      <c r="D102" s="82">
        <v>5.2327968564421017</v>
      </c>
      <c r="E102" s="294">
        <v>0.23003847956844553</v>
      </c>
      <c r="F102" s="295">
        <v>8.7810506746924408E-2</v>
      </c>
      <c r="G102" s="294">
        <v>0.40542361305641239</v>
      </c>
      <c r="H102" s="295">
        <v>0.1008996764290436</v>
      </c>
    </row>
    <row r="103" spans="1:8" s="5" customFormat="1">
      <c r="A103" s="45" t="s">
        <v>441</v>
      </c>
      <c r="B103" s="77">
        <v>81</v>
      </c>
      <c r="C103" s="78">
        <v>81.089167964444812</v>
      </c>
      <c r="D103" s="79">
        <v>3.9582941213352587</v>
      </c>
      <c r="E103" s="290">
        <v>0.10036566093286532</v>
      </c>
      <c r="F103" s="297">
        <v>7.0283466817861726E-2</v>
      </c>
      <c r="G103" s="290">
        <v>0.71819599902793074</v>
      </c>
      <c r="H103" s="297">
        <v>9.8641589312827113E-2</v>
      </c>
    </row>
    <row r="104" spans="1:8" s="5" customFormat="1">
      <c r="A104" s="49" t="s">
        <v>442</v>
      </c>
      <c r="B104" s="80">
        <v>65</v>
      </c>
      <c r="C104" s="81">
        <v>64.274468857079214</v>
      </c>
      <c r="D104" s="82">
        <v>6.6600239708834792</v>
      </c>
      <c r="E104" s="294">
        <v>0.35873530456776243</v>
      </c>
      <c r="F104" s="295">
        <v>0.11604370188131909</v>
      </c>
      <c r="G104" s="294">
        <v>0.43100824195272341</v>
      </c>
      <c r="H104" s="295">
        <v>0.11936450308177765</v>
      </c>
    </row>
    <row r="105" spans="1:8" s="5" customFormat="1">
      <c r="A105" s="45" t="s">
        <v>446</v>
      </c>
      <c r="B105" s="77">
        <v>91</v>
      </c>
      <c r="C105" s="78">
        <v>76.300197172458226</v>
      </c>
      <c r="D105" s="79">
        <v>4.2499880257217315</v>
      </c>
      <c r="E105" s="291">
        <v>0.16080394008880783</v>
      </c>
      <c r="F105" s="292">
        <v>7.798267399189257E-2</v>
      </c>
      <c r="G105" s="291">
        <v>0.55812824428122898</v>
      </c>
      <c r="H105" s="292">
        <v>0.10195967319961394</v>
      </c>
    </row>
    <row r="106" spans="1:8" s="5" customFormat="1">
      <c r="A106" s="49" t="s">
        <v>447</v>
      </c>
      <c r="B106" s="80">
        <v>95</v>
      </c>
      <c r="C106" s="81">
        <v>67.446416195376912</v>
      </c>
      <c r="D106" s="82">
        <v>5.048594967279791</v>
      </c>
      <c r="E106" s="294">
        <v>0.37020341160872205</v>
      </c>
      <c r="F106" s="295">
        <v>9.7335560186440295E-2</v>
      </c>
      <c r="G106" s="294">
        <v>0.45629790415018678</v>
      </c>
      <c r="H106" s="295">
        <v>0.1001496541116851</v>
      </c>
    </row>
    <row r="107" spans="1:8" ht="25.5">
      <c r="A107" s="45" t="s">
        <v>448</v>
      </c>
      <c r="B107" s="83">
        <v>125</v>
      </c>
      <c r="C107" s="84">
        <v>65.698594683222211</v>
      </c>
      <c r="D107" s="85">
        <v>4.3458170476517468</v>
      </c>
      <c r="E107" s="290">
        <v>0.29258626460220732</v>
      </c>
      <c r="F107" s="297">
        <v>8.0618945661552935E-2</v>
      </c>
      <c r="G107" s="290">
        <v>0.38063390328339769</v>
      </c>
      <c r="H107" s="297">
        <v>8.565690509809229E-2</v>
      </c>
    </row>
    <row r="108" spans="1:8">
      <c r="A108" s="49" t="s">
        <v>449</v>
      </c>
      <c r="B108" s="80">
        <v>73</v>
      </c>
      <c r="C108" s="81">
        <v>65.763363403785533</v>
      </c>
      <c r="D108" s="82">
        <v>5.8581546806457903</v>
      </c>
      <c r="E108" s="294">
        <v>0.31263575248005665</v>
      </c>
      <c r="F108" s="295">
        <v>0.10652655633281546</v>
      </c>
      <c r="G108" s="294">
        <v>0.39568440101178004</v>
      </c>
      <c r="H108" s="295">
        <v>0.11170914486787911</v>
      </c>
    </row>
    <row r="109" spans="1:8">
      <c r="A109" s="57" t="s">
        <v>450</v>
      </c>
      <c r="B109" s="77">
        <v>95</v>
      </c>
      <c r="C109" s="78">
        <v>67.197262931923021</v>
      </c>
      <c r="D109" s="79">
        <v>5.2547299241264787</v>
      </c>
      <c r="E109" s="291">
        <v>0.33703510547590187</v>
      </c>
      <c r="F109" s="292">
        <v>9.5461696480576771E-2</v>
      </c>
      <c r="G109" s="291">
        <v>0.41538486853301315</v>
      </c>
      <c r="H109" s="292">
        <v>9.9169715695526128E-2</v>
      </c>
    </row>
    <row r="110" spans="1:8">
      <c r="A110" s="49" t="s">
        <v>443</v>
      </c>
      <c r="B110" s="80">
        <v>60</v>
      </c>
      <c r="C110" s="81">
        <v>65.523026784982832</v>
      </c>
      <c r="D110" s="82">
        <v>6.9997536371679452</v>
      </c>
      <c r="E110" s="294">
        <v>0.29834971547547418</v>
      </c>
      <c r="F110" s="295">
        <v>0.11572088678131892</v>
      </c>
      <c r="G110" s="294">
        <v>0.36818164087998623</v>
      </c>
      <c r="H110" s="295">
        <v>0.12112185363878412</v>
      </c>
    </row>
    <row r="111" spans="1:8">
      <c r="A111" s="57" t="s">
        <v>451</v>
      </c>
      <c r="B111" s="77">
        <v>124</v>
      </c>
      <c r="C111" s="78">
        <v>61.598647205850732</v>
      </c>
      <c r="D111" s="79">
        <v>5.033883749493504</v>
      </c>
      <c r="E111" s="291">
        <v>0.39479486678175807</v>
      </c>
      <c r="F111" s="292">
        <v>8.6532657985476616E-2</v>
      </c>
      <c r="G111" s="291">
        <v>0.36262157196438782</v>
      </c>
      <c r="H111" s="292">
        <v>8.5199818265757996E-2</v>
      </c>
    </row>
    <row r="112" spans="1:8" s="5" customFormat="1"/>
    <row r="113" spans="1:23" s="5" customFormat="1"/>
    <row r="114" spans="1:23" s="5" customFormat="1"/>
    <row r="115" spans="1:23" s="5" customFormat="1"/>
    <row r="116" spans="1:23" s="5" customFormat="1"/>
    <row r="117" spans="1:23" s="5" customFormat="1"/>
    <row r="119" spans="1:23" s="5" customFormat="1" ht="18.75">
      <c r="A119" s="324" t="s">
        <v>248</v>
      </c>
      <c r="B119" s="324"/>
      <c r="C119" s="324"/>
      <c r="D119" s="324"/>
      <c r="E119" s="324"/>
      <c r="F119" s="324"/>
      <c r="G119" s="324"/>
      <c r="H119" s="324"/>
      <c r="I119" s="324"/>
      <c r="J119" s="324"/>
      <c r="K119" s="324"/>
      <c r="L119" s="324"/>
      <c r="M119" s="324"/>
      <c r="N119" s="324"/>
      <c r="O119" s="324"/>
      <c r="P119" s="324"/>
      <c r="Q119" s="324"/>
      <c r="R119" s="324"/>
      <c r="S119" s="324"/>
      <c r="T119" s="324"/>
      <c r="U119" s="324"/>
      <c r="V119" s="324"/>
      <c r="W119" s="227"/>
    </row>
    <row r="120" spans="1:23" s="5" customFormat="1" ht="69.75" customHeight="1">
      <c r="A120" s="318" t="s">
        <v>288</v>
      </c>
      <c r="B120" s="318"/>
      <c r="C120" s="318"/>
      <c r="D120" s="318"/>
      <c r="E120" s="318"/>
      <c r="F120" s="318"/>
      <c r="G120" s="318"/>
      <c r="H120" s="318"/>
      <c r="I120" s="318"/>
      <c r="J120" s="318"/>
      <c r="K120" s="318"/>
      <c r="L120" s="318"/>
      <c r="M120" s="318"/>
      <c r="N120" s="318"/>
      <c r="O120" s="318"/>
      <c r="P120" s="318"/>
      <c r="Q120" s="318"/>
      <c r="R120" s="318"/>
      <c r="S120" s="318"/>
      <c r="T120" s="318"/>
      <c r="U120" s="318"/>
      <c r="V120" s="318"/>
    </row>
    <row r="121" spans="1:23" s="5" customFormat="1" ht="48.75" customHeight="1">
      <c r="A121" s="64" t="s">
        <v>287</v>
      </c>
      <c r="B121" s="325" t="s">
        <v>251</v>
      </c>
      <c r="C121" s="326"/>
      <c r="D121" s="326"/>
      <c r="E121" s="326"/>
      <c r="F121" s="326"/>
      <c r="G121" s="326"/>
      <c r="H121" s="327"/>
      <c r="I121" s="319" t="s">
        <v>250</v>
      </c>
      <c r="J121" s="320"/>
      <c r="K121" s="320"/>
      <c r="L121" s="320"/>
      <c r="M121" s="320"/>
      <c r="N121" s="320"/>
      <c r="O121" s="321"/>
      <c r="P121" s="319" t="s">
        <v>249</v>
      </c>
      <c r="Q121" s="320"/>
      <c r="R121" s="320"/>
      <c r="S121" s="320"/>
      <c r="T121" s="320"/>
      <c r="U121" s="320"/>
      <c r="V121" s="321"/>
    </row>
    <row r="122" spans="1:23" s="5" customFormat="1" ht="43.5" customHeight="1">
      <c r="A122" s="37" t="s">
        <v>85</v>
      </c>
      <c r="B122" s="65" t="s">
        <v>86</v>
      </c>
      <c r="C122" s="66" t="s">
        <v>87</v>
      </c>
      <c r="D122" s="67" t="s">
        <v>88</v>
      </c>
      <c r="E122" s="66" t="s">
        <v>409</v>
      </c>
      <c r="F122" s="67" t="s">
        <v>413</v>
      </c>
      <c r="G122" s="66" t="s">
        <v>411</v>
      </c>
      <c r="H122" s="67" t="s">
        <v>414</v>
      </c>
      <c r="I122" s="38" t="s">
        <v>86</v>
      </c>
      <c r="J122" s="39" t="s">
        <v>87</v>
      </c>
      <c r="K122" s="40" t="s">
        <v>88</v>
      </c>
      <c r="L122" s="38" t="s">
        <v>409</v>
      </c>
      <c r="M122" s="40" t="s">
        <v>413</v>
      </c>
      <c r="N122" s="39" t="s">
        <v>411</v>
      </c>
      <c r="O122" s="40" t="s">
        <v>413</v>
      </c>
      <c r="P122" s="65" t="s">
        <v>86</v>
      </c>
      <c r="Q122" s="66" t="s">
        <v>87</v>
      </c>
      <c r="R122" s="67" t="s">
        <v>88</v>
      </c>
      <c r="S122" s="65" t="s">
        <v>409</v>
      </c>
      <c r="T122" s="67" t="s">
        <v>413</v>
      </c>
      <c r="U122" s="66" t="s">
        <v>411</v>
      </c>
      <c r="V122" s="67" t="s">
        <v>413</v>
      </c>
    </row>
    <row r="123" spans="1:23" s="5" customFormat="1" ht="102" customHeight="1">
      <c r="A123" s="41"/>
      <c r="B123" s="68" t="s">
        <v>89</v>
      </c>
      <c r="C123" s="69" t="s">
        <v>291</v>
      </c>
      <c r="D123" s="70" t="s">
        <v>91</v>
      </c>
      <c r="E123" s="69" t="s">
        <v>410</v>
      </c>
      <c r="F123" s="70" t="s">
        <v>104</v>
      </c>
      <c r="G123" s="69" t="s">
        <v>412</v>
      </c>
      <c r="H123" s="70" t="s">
        <v>104</v>
      </c>
      <c r="I123" s="42" t="s">
        <v>89</v>
      </c>
      <c r="J123" s="43" t="s">
        <v>291</v>
      </c>
      <c r="K123" s="44" t="s">
        <v>91</v>
      </c>
      <c r="L123" s="42" t="s">
        <v>410</v>
      </c>
      <c r="M123" s="44" t="s">
        <v>104</v>
      </c>
      <c r="N123" s="126" t="s">
        <v>412</v>
      </c>
      <c r="O123" s="44" t="s">
        <v>104</v>
      </c>
      <c r="P123" s="68" t="s">
        <v>89</v>
      </c>
      <c r="Q123" s="69" t="s">
        <v>291</v>
      </c>
      <c r="R123" s="70" t="s">
        <v>91</v>
      </c>
      <c r="S123" s="68" t="s">
        <v>410</v>
      </c>
      <c r="T123" s="70" t="s">
        <v>104</v>
      </c>
      <c r="U123" s="272" t="s">
        <v>412</v>
      </c>
      <c r="V123" s="70" t="s">
        <v>104</v>
      </c>
    </row>
    <row r="124" spans="1:23" s="5" customFormat="1">
      <c r="A124" s="45" t="s">
        <v>435</v>
      </c>
      <c r="B124" s="71">
        <v>8491</v>
      </c>
      <c r="C124" s="72">
        <v>70.399518061868122</v>
      </c>
      <c r="D124" s="73">
        <v>0.53619615294243306</v>
      </c>
      <c r="E124" s="291">
        <v>0.23131496043345545</v>
      </c>
      <c r="F124" s="292">
        <v>9.1518179047843772E-3</v>
      </c>
      <c r="G124" s="291">
        <v>0.52110929631772962</v>
      </c>
      <c r="H124" s="292">
        <v>1.0840049934782769E-2</v>
      </c>
      <c r="I124" s="71">
        <v>8447</v>
      </c>
      <c r="J124" s="72">
        <v>70.267714083041696</v>
      </c>
      <c r="K124" s="73">
        <v>0.54635054899507263</v>
      </c>
      <c r="L124" s="291">
        <v>0.23848285544073899</v>
      </c>
      <c r="M124" s="292">
        <v>9.2730317625122349E-3</v>
      </c>
      <c r="N124" s="291">
        <v>0.5209637394983605</v>
      </c>
      <c r="O124" s="292">
        <v>1.0868365847424845E-2</v>
      </c>
      <c r="P124" s="71">
        <v>8449</v>
      </c>
      <c r="Q124" s="72">
        <v>71.782701149499644</v>
      </c>
      <c r="R124" s="73">
        <v>0.51698625336236859</v>
      </c>
      <c r="S124" s="291">
        <v>0.21020487256578041</v>
      </c>
      <c r="T124" s="292">
        <v>8.8655785948457411E-3</v>
      </c>
      <c r="U124" s="291">
        <v>0.54192800040856171</v>
      </c>
      <c r="V124" s="292">
        <v>1.0838362800324712E-2</v>
      </c>
    </row>
    <row r="125" spans="1:23" s="5" customFormat="1">
      <c r="A125" s="49" t="s">
        <v>436</v>
      </c>
      <c r="B125" s="74">
        <v>7899</v>
      </c>
      <c r="C125" s="75">
        <v>70.109020340270575</v>
      </c>
      <c r="D125" s="76">
        <v>0.56379391387449007</v>
      </c>
      <c r="E125" s="294">
        <v>0.23730527320594852</v>
      </c>
      <c r="F125" s="295">
        <v>9.572973216217074E-3</v>
      </c>
      <c r="G125" s="294">
        <v>0.51697043221518157</v>
      </c>
      <c r="H125" s="295">
        <v>1.1242268891900664E-2</v>
      </c>
      <c r="I125" s="74">
        <v>7856</v>
      </c>
      <c r="J125" s="75">
        <v>69.853980047782386</v>
      </c>
      <c r="K125" s="76">
        <v>0.5736991540951295</v>
      </c>
      <c r="L125" s="294">
        <v>0.24633941657954586</v>
      </c>
      <c r="M125" s="295">
        <v>9.7218774696788239E-3</v>
      </c>
      <c r="N125" s="294">
        <v>0.51553270193559531</v>
      </c>
      <c r="O125" s="295">
        <v>1.1274032417767699E-2</v>
      </c>
      <c r="P125" s="74">
        <v>7858</v>
      </c>
      <c r="Q125" s="75">
        <v>71.430504759033482</v>
      </c>
      <c r="R125" s="76">
        <v>0.54212618708031313</v>
      </c>
      <c r="S125" s="294">
        <v>0.21649141056625604</v>
      </c>
      <c r="T125" s="295">
        <v>9.292024433555382E-3</v>
      </c>
      <c r="U125" s="294">
        <v>0.5358577691871782</v>
      </c>
      <c r="V125" s="295">
        <v>1.124902615202634E-2</v>
      </c>
    </row>
    <row r="126" spans="1:23" s="5" customFormat="1">
      <c r="A126" s="45" t="s">
        <v>437</v>
      </c>
      <c r="B126" s="54">
        <v>761</v>
      </c>
      <c r="C126" s="55">
        <v>65.900000000000006</v>
      </c>
      <c r="D126" s="56">
        <v>1.8228</v>
      </c>
      <c r="E126" s="290">
        <v>0.28799999999999998</v>
      </c>
      <c r="F126" s="297">
        <v>3.2781692152615984E-2</v>
      </c>
      <c r="G126" s="290">
        <v>0.436</v>
      </c>
      <c r="H126" s="297">
        <v>3.5860785435346959E-2</v>
      </c>
      <c r="I126" s="54">
        <v>759</v>
      </c>
      <c r="J126" s="55">
        <v>64.900000000000006</v>
      </c>
      <c r="K126" s="56">
        <v>1.8815999999999999</v>
      </c>
      <c r="L126" s="290">
        <v>0.30599999999999999</v>
      </c>
      <c r="M126" s="297">
        <v>3.3397214344617086E-2</v>
      </c>
      <c r="N126" s="290">
        <v>0.42499999999999999</v>
      </c>
      <c r="O126" s="297">
        <v>3.5797143850661794E-2</v>
      </c>
      <c r="P126" s="54">
        <v>759</v>
      </c>
      <c r="Q126" s="55">
        <v>66.23</v>
      </c>
      <c r="R126" s="56">
        <v>1.8032000000000001</v>
      </c>
      <c r="S126" s="290">
        <v>0.27200000000000002</v>
      </c>
      <c r="T126" s="297">
        <v>3.2263627358025342E-2</v>
      </c>
      <c r="U126" s="290">
        <v>0.435</v>
      </c>
      <c r="V126" s="297">
        <v>3.5898442940051165E-2</v>
      </c>
    </row>
    <row r="127" spans="1:23" s="5" customFormat="1">
      <c r="A127" s="49" t="s">
        <v>438</v>
      </c>
      <c r="B127" s="74">
        <v>884</v>
      </c>
      <c r="C127" s="75">
        <v>68.017867181040927</v>
      </c>
      <c r="D127" s="76">
        <v>1.7465632119965306</v>
      </c>
      <c r="E127" s="294">
        <v>0.2836805958051562</v>
      </c>
      <c r="F127" s="295">
        <v>3.028591488849617E-2</v>
      </c>
      <c r="G127" s="294">
        <v>0.50483518087398094</v>
      </c>
      <c r="H127" s="295">
        <v>3.3556247734814332E-2</v>
      </c>
      <c r="I127" s="74">
        <v>875</v>
      </c>
      <c r="J127" s="75">
        <v>67.521023549194226</v>
      </c>
      <c r="K127" s="76">
        <v>1.7810948936659659</v>
      </c>
      <c r="L127" s="294">
        <v>0.28623124184630494</v>
      </c>
      <c r="M127" s="295">
        <v>3.0522031608252939E-2</v>
      </c>
      <c r="N127" s="294">
        <v>0.48803620447274171</v>
      </c>
      <c r="O127" s="295">
        <v>3.3719593714973538E-2</v>
      </c>
      <c r="P127" s="74">
        <v>876</v>
      </c>
      <c r="Q127" s="75">
        <v>68.798183022438351</v>
      </c>
      <c r="R127" s="76">
        <v>1.6827197777500045</v>
      </c>
      <c r="S127" s="294">
        <v>0.26105504161933979</v>
      </c>
      <c r="T127" s="295">
        <v>2.9651243258229407E-2</v>
      </c>
      <c r="U127" s="294">
        <v>0.48951130223737349</v>
      </c>
      <c r="V127" s="295">
        <v>3.3702642536160114E-2</v>
      </c>
    </row>
    <row r="128" spans="1:23" s="5" customFormat="1">
      <c r="A128" s="45" t="s">
        <v>439</v>
      </c>
      <c r="B128" s="54">
        <v>826</v>
      </c>
      <c r="C128" s="55">
        <v>66.599999999999994</v>
      </c>
      <c r="D128" s="56">
        <v>1.7247999999999999</v>
      </c>
      <c r="E128" s="290">
        <v>0.30199999999999999</v>
      </c>
      <c r="F128" s="297">
        <v>3.1901426440116412E-2</v>
      </c>
      <c r="G128" s="290">
        <v>0.48299999999999998</v>
      </c>
      <c r="H128" s="297">
        <v>3.4690631270935308E-2</v>
      </c>
      <c r="I128" s="54">
        <v>817</v>
      </c>
      <c r="J128" s="55">
        <v>65.75</v>
      </c>
      <c r="K128" s="56">
        <v>1.7444</v>
      </c>
      <c r="L128" s="290">
        <v>0.309</v>
      </c>
      <c r="M128" s="297">
        <v>3.2280259687657083E-2</v>
      </c>
      <c r="N128" s="290">
        <v>0.47199999999999998</v>
      </c>
      <c r="O128" s="297">
        <v>3.4846006861225735E-2</v>
      </c>
      <c r="P128" s="54">
        <v>818</v>
      </c>
      <c r="Q128" s="55">
        <v>67.58</v>
      </c>
      <c r="R128" s="56">
        <v>1.6659999999999999</v>
      </c>
      <c r="S128" s="290">
        <v>0.27500000000000002</v>
      </c>
      <c r="T128" s="297">
        <v>3.1186317258681005E-2</v>
      </c>
      <c r="U128" s="290">
        <v>0.47699999999999998</v>
      </c>
      <c r="V128" s="297">
        <v>3.4842442438705837E-2</v>
      </c>
    </row>
    <row r="129" spans="1:22" s="5" customFormat="1">
      <c r="A129" s="49" t="s">
        <v>444</v>
      </c>
      <c r="B129" s="74">
        <v>17</v>
      </c>
      <c r="C129" s="75">
        <v>73.523225970067301</v>
      </c>
      <c r="D129" s="76">
        <v>9.9049510966415824</v>
      </c>
      <c r="E129" s="294">
        <v>0.13474759280679152</v>
      </c>
      <c r="F129" s="295">
        <v>0.17597241668495159</v>
      </c>
      <c r="G129" s="294">
        <v>0.53743235798274103</v>
      </c>
      <c r="H129" s="295">
        <v>0.21781677116821643</v>
      </c>
      <c r="I129" s="74">
        <v>17</v>
      </c>
      <c r="J129" s="75">
        <v>72.889703050424629</v>
      </c>
      <c r="K129" s="76">
        <v>11.469847954486141</v>
      </c>
      <c r="L129" s="294">
        <v>0.20031160264888501</v>
      </c>
      <c r="M129" s="295">
        <v>0.19080923699661789</v>
      </c>
      <c r="N129" s="294">
        <v>0.53743235798274103</v>
      </c>
      <c r="O129" s="295">
        <v>0.21781677116821643</v>
      </c>
      <c r="P129" s="74">
        <v>17</v>
      </c>
      <c r="Q129" s="75">
        <v>68.93374528127174</v>
      </c>
      <c r="R129" s="76">
        <v>9.9619920342560881</v>
      </c>
      <c r="S129" s="294">
        <v>0.20031160264888501</v>
      </c>
      <c r="T129" s="295">
        <v>0.19080923699661789</v>
      </c>
      <c r="U129" s="294">
        <v>0.47186834814064749</v>
      </c>
      <c r="V129" s="295">
        <v>0.21799142816247549</v>
      </c>
    </row>
    <row r="130" spans="1:22" s="5" customFormat="1">
      <c r="A130" s="45" t="s">
        <v>445</v>
      </c>
      <c r="B130" s="54">
        <v>261</v>
      </c>
      <c r="C130" s="55">
        <v>69.998236039333634</v>
      </c>
      <c r="D130" s="56">
        <v>3.1759830211385842</v>
      </c>
      <c r="E130" s="290">
        <v>0.25543794834626488</v>
      </c>
      <c r="F130" s="297">
        <v>5.3831516143174142E-2</v>
      </c>
      <c r="G130" s="290">
        <v>0.52747303413734992</v>
      </c>
      <c r="H130" s="297">
        <v>6.1339493986488532E-2</v>
      </c>
      <c r="I130" s="54">
        <v>258</v>
      </c>
      <c r="J130" s="55">
        <v>70.195950001061263</v>
      </c>
      <c r="K130" s="56">
        <v>3.23397339117657</v>
      </c>
      <c r="L130" s="290">
        <v>0.23801157008394175</v>
      </c>
      <c r="M130" s="297">
        <v>5.292106737684827E-2</v>
      </c>
      <c r="N130" s="290">
        <v>0.52905686949350361</v>
      </c>
      <c r="O130" s="297">
        <v>6.1678962197496731E-2</v>
      </c>
      <c r="P130" s="54">
        <v>261</v>
      </c>
      <c r="Q130" s="55">
        <v>70.574227550419295</v>
      </c>
      <c r="R130" s="56">
        <v>3.0569304661105869</v>
      </c>
      <c r="S130" s="290">
        <v>0.25780987232731034</v>
      </c>
      <c r="T130" s="297">
        <v>5.3988304370638757E-2</v>
      </c>
      <c r="U130" s="290">
        <v>0.5270726667474237</v>
      </c>
      <c r="V130" s="297">
        <v>6.1342100399266429E-2</v>
      </c>
    </row>
    <row r="131" spans="1:22" s="5" customFormat="1">
      <c r="A131" s="49" t="s">
        <v>440</v>
      </c>
      <c r="B131" s="74">
        <v>91</v>
      </c>
      <c r="C131" s="75">
        <v>68.600345868796083</v>
      </c>
      <c r="D131" s="76">
        <v>5.4771226927502763</v>
      </c>
      <c r="E131" s="294">
        <v>0.2294884863688218</v>
      </c>
      <c r="F131" s="295">
        <v>8.7745090047110549E-2</v>
      </c>
      <c r="G131" s="294">
        <v>0.48918922181133057</v>
      </c>
      <c r="H131" s="295">
        <v>0.10257582803533516</v>
      </c>
      <c r="I131" s="74">
        <v>90</v>
      </c>
      <c r="J131" s="75">
        <v>67.070123881605753</v>
      </c>
      <c r="K131" s="76">
        <v>5.6909988624965839</v>
      </c>
      <c r="L131" s="294">
        <v>0.2820990405857971</v>
      </c>
      <c r="M131" s="295">
        <v>9.3734372626344667E-2</v>
      </c>
      <c r="N131" s="294">
        <v>0.44620345262897487</v>
      </c>
      <c r="O131" s="295">
        <v>0.1025933917430456</v>
      </c>
      <c r="P131" s="74">
        <v>91</v>
      </c>
      <c r="Q131" s="75">
        <v>68.745971599080804</v>
      </c>
      <c r="R131" s="76">
        <v>5.1089003599237364</v>
      </c>
      <c r="S131" s="294">
        <v>0.23526967173468707</v>
      </c>
      <c r="T131" s="295">
        <v>8.8423683990621768E-2</v>
      </c>
      <c r="U131" s="294">
        <v>0.46900771497511468</v>
      </c>
      <c r="V131" s="295">
        <v>0.10241682868407212</v>
      </c>
    </row>
    <row r="132" spans="1:22" s="5" customFormat="1">
      <c r="A132" s="45" t="s">
        <v>441</v>
      </c>
      <c r="B132" s="54">
        <v>81</v>
      </c>
      <c r="C132" s="55">
        <v>80.988846180748865</v>
      </c>
      <c r="D132" s="56">
        <v>4.0689496661483178</v>
      </c>
      <c r="E132" s="290">
        <v>0.10036566093286532</v>
      </c>
      <c r="F132" s="297">
        <v>7.0283466817861726E-2</v>
      </c>
      <c r="G132" s="290">
        <v>0.71310479913918356</v>
      </c>
      <c r="H132" s="297">
        <v>9.9116093770819758E-2</v>
      </c>
      <c r="I132" s="54">
        <v>80</v>
      </c>
      <c r="J132" s="55">
        <v>79.855457300997216</v>
      </c>
      <c r="K132" s="56">
        <v>4.2851416353626259</v>
      </c>
      <c r="L132" s="290">
        <v>8.7188931881955922E-2</v>
      </c>
      <c r="M132" s="297">
        <v>6.7411460618732127E-2</v>
      </c>
      <c r="N132" s="290">
        <v>0.68423555033719319</v>
      </c>
      <c r="O132" s="297">
        <v>0.10217001145316136</v>
      </c>
      <c r="P132" s="54">
        <v>81</v>
      </c>
      <c r="Q132" s="55">
        <v>82.385881882627089</v>
      </c>
      <c r="R132" s="56">
        <v>3.9241683643193865</v>
      </c>
      <c r="S132" s="290">
        <v>7.9461005795801634E-2</v>
      </c>
      <c r="T132" s="297">
        <v>6.4861952956048435E-2</v>
      </c>
      <c r="U132" s="290">
        <v>0.72142791476068402</v>
      </c>
      <c r="V132" s="297">
        <v>9.8333338920517363E-2</v>
      </c>
    </row>
    <row r="133" spans="1:22" s="5" customFormat="1">
      <c r="A133" s="49" t="s">
        <v>442</v>
      </c>
      <c r="B133" s="74">
        <v>65</v>
      </c>
      <c r="C133" s="75">
        <v>63.251085642030198</v>
      </c>
      <c r="D133" s="76">
        <v>6.9475008843985657</v>
      </c>
      <c r="E133" s="294">
        <v>0.36293491686908985</v>
      </c>
      <c r="F133" s="295">
        <v>0.11630250691273984</v>
      </c>
      <c r="G133" s="294">
        <v>0.43400836088776928</v>
      </c>
      <c r="H133" s="295">
        <v>0.11945173881154551</v>
      </c>
      <c r="I133" s="74">
        <v>65</v>
      </c>
      <c r="J133" s="75">
        <v>65.919971210569955</v>
      </c>
      <c r="K133" s="76">
        <v>7.0226309282947534</v>
      </c>
      <c r="L133" s="294">
        <v>0.27184123069342947</v>
      </c>
      <c r="M133" s="295">
        <v>0.1086956022432965</v>
      </c>
      <c r="N133" s="294">
        <v>0.48221918723408375</v>
      </c>
      <c r="O133" s="295">
        <v>0.12031828227991545</v>
      </c>
      <c r="P133" s="74">
        <v>65</v>
      </c>
      <c r="Q133" s="75">
        <v>63.652349555163383</v>
      </c>
      <c r="R133" s="76">
        <v>6.5740117501928035</v>
      </c>
      <c r="S133" s="294">
        <v>0.38358592388580981</v>
      </c>
      <c r="T133" s="295">
        <v>0.11745452220884656</v>
      </c>
      <c r="U133" s="294">
        <v>0.44374395768147501</v>
      </c>
      <c r="V133" s="295">
        <v>0.11970774769181192</v>
      </c>
    </row>
    <row r="134" spans="1:22" s="5" customFormat="1">
      <c r="A134" s="45" t="s">
        <v>446</v>
      </c>
      <c r="B134" s="71">
        <v>91</v>
      </c>
      <c r="C134" s="72">
        <v>75.592303623700587</v>
      </c>
      <c r="D134" s="73">
        <v>4.6741787599999478</v>
      </c>
      <c r="E134" s="291">
        <v>0.16080844101461927</v>
      </c>
      <c r="F134" s="292">
        <v>7.7983430339614426E-2</v>
      </c>
      <c r="G134" s="291">
        <v>0.64824261836220265</v>
      </c>
      <c r="H134" s="292">
        <v>9.8373245402202131E-2</v>
      </c>
      <c r="I134" s="71">
        <v>91</v>
      </c>
      <c r="J134" s="72">
        <v>76.257621146447562</v>
      </c>
      <c r="K134" s="73">
        <v>4.2370779967696759</v>
      </c>
      <c r="L134" s="291">
        <v>0.13871395277824702</v>
      </c>
      <c r="M134" s="292">
        <v>7.4050561491547262E-2</v>
      </c>
      <c r="N134" s="291">
        <v>0.65582386973996654</v>
      </c>
      <c r="O134" s="292">
        <v>9.791953672535357E-2</v>
      </c>
      <c r="P134" s="71">
        <v>90</v>
      </c>
      <c r="Q134" s="72">
        <v>77.021598660351188</v>
      </c>
      <c r="R134" s="73">
        <v>4.335476950364284</v>
      </c>
      <c r="S134" s="291">
        <v>0.1284833870237905</v>
      </c>
      <c r="T134" s="292">
        <v>7.2485434738176951E-2</v>
      </c>
      <c r="U134" s="291">
        <v>0.62086517389014362</v>
      </c>
      <c r="V134" s="292">
        <v>0.10034163440876466</v>
      </c>
    </row>
    <row r="135" spans="1:22" s="5" customFormat="1">
      <c r="A135" s="49" t="s">
        <v>447</v>
      </c>
      <c r="B135" s="74">
        <v>96</v>
      </c>
      <c r="C135" s="75">
        <v>66.686343482914268</v>
      </c>
      <c r="D135" s="76">
        <v>5.1795316170427785</v>
      </c>
      <c r="E135" s="294">
        <v>0.34954309066652423</v>
      </c>
      <c r="F135" s="295">
        <v>9.5736613959050573E-2</v>
      </c>
      <c r="G135" s="294">
        <v>0.47600322305704507</v>
      </c>
      <c r="H135" s="295">
        <v>9.9893803805472581E-2</v>
      </c>
      <c r="I135" s="74">
        <v>95</v>
      </c>
      <c r="J135" s="75">
        <v>66.506207440689451</v>
      </c>
      <c r="K135" s="76">
        <v>5.3978584897560955</v>
      </c>
      <c r="L135" s="294">
        <v>0.33882401374573634</v>
      </c>
      <c r="M135" s="295">
        <v>9.5574626017815065E-2</v>
      </c>
      <c r="N135" s="294">
        <v>0.46554701582687402</v>
      </c>
      <c r="O135" s="295">
        <v>0.10028383435288936</v>
      </c>
      <c r="P135" s="74">
        <v>95</v>
      </c>
      <c r="Q135" s="75">
        <v>69.329680455260643</v>
      </c>
      <c r="R135" s="76">
        <v>4.9805244007901557</v>
      </c>
      <c r="S135" s="294">
        <v>0.27902888182425961</v>
      </c>
      <c r="T135" s="295">
        <v>9.1018428473368676E-2</v>
      </c>
      <c r="U135" s="294">
        <v>0.50828014234339014</v>
      </c>
      <c r="V135" s="295">
        <v>0.10049109063106629</v>
      </c>
    </row>
    <row r="136" spans="1:22" s="5" customFormat="1" ht="25.5">
      <c r="A136" s="45" t="s">
        <v>448</v>
      </c>
      <c r="B136" s="54">
        <v>126</v>
      </c>
      <c r="C136" s="55">
        <v>65.767141153864898</v>
      </c>
      <c r="D136" s="56">
        <v>4.5664403570793963</v>
      </c>
      <c r="E136" s="290">
        <v>0.28745069599588341</v>
      </c>
      <c r="F136" s="297">
        <v>7.9915370205516451E-2</v>
      </c>
      <c r="G136" s="290">
        <v>0.42915832882060045</v>
      </c>
      <c r="H136" s="297">
        <v>8.6874894969497671E-2</v>
      </c>
      <c r="I136" s="54">
        <v>124</v>
      </c>
      <c r="J136" s="55">
        <v>65.076047826921481</v>
      </c>
      <c r="K136" s="56">
        <v>4.6147421626203657</v>
      </c>
      <c r="L136" s="290">
        <v>0.27807259027295728</v>
      </c>
      <c r="M136" s="297">
        <v>7.9800212116807254E-2</v>
      </c>
      <c r="N136" s="290">
        <v>0.40819342078265319</v>
      </c>
      <c r="O136" s="297">
        <v>8.6978822692903884E-2</v>
      </c>
      <c r="P136" s="54">
        <v>124</v>
      </c>
      <c r="Q136" s="55">
        <v>67.216285764025912</v>
      </c>
      <c r="R136" s="56">
        <v>4.2163059483638889</v>
      </c>
      <c r="S136" s="290">
        <v>0.23081523116342667</v>
      </c>
      <c r="T136" s="297">
        <v>7.5415013335383474E-2</v>
      </c>
      <c r="U136" s="290">
        <v>0.42073910958952915</v>
      </c>
      <c r="V136" s="297">
        <v>8.7339892669838395E-2</v>
      </c>
    </row>
    <row r="137" spans="1:22" s="5" customFormat="1">
      <c r="A137" s="49" t="s">
        <v>449</v>
      </c>
      <c r="B137" s="74">
        <v>74</v>
      </c>
      <c r="C137" s="75">
        <v>67.141791240423672</v>
      </c>
      <c r="D137" s="76">
        <v>6.0490234113730095</v>
      </c>
      <c r="E137" s="294">
        <v>0.30747927533735292</v>
      </c>
      <c r="F137" s="295">
        <v>0.10540270922535333</v>
      </c>
      <c r="G137" s="294">
        <v>0.50680349558943449</v>
      </c>
      <c r="H137" s="295">
        <v>0.11321826847238457</v>
      </c>
      <c r="I137" s="74">
        <v>73</v>
      </c>
      <c r="J137" s="75">
        <v>66.755457692200793</v>
      </c>
      <c r="K137" s="76">
        <v>6.4925917186977768</v>
      </c>
      <c r="L137" s="294">
        <v>0.35786723784140312</v>
      </c>
      <c r="M137" s="295">
        <v>0.10974412785353337</v>
      </c>
      <c r="N137" s="294">
        <v>0.48037417286591455</v>
      </c>
      <c r="O137" s="295">
        <v>0.11388164406656781</v>
      </c>
      <c r="P137" s="74">
        <v>73</v>
      </c>
      <c r="Q137" s="75">
        <v>63.678447610275917</v>
      </c>
      <c r="R137" s="76">
        <v>6.2165977388840137</v>
      </c>
      <c r="S137" s="294">
        <v>0.33230971168914192</v>
      </c>
      <c r="T137" s="295">
        <v>0.1080465614714161</v>
      </c>
      <c r="U137" s="294">
        <v>0.41040434755265115</v>
      </c>
      <c r="V137" s="295">
        <v>0.11230407932256582</v>
      </c>
    </row>
    <row r="138" spans="1:22" s="5" customFormat="1">
      <c r="A138" s="57" t="s">
        <v>450</v>
      </c>
      <c r="B138" s="71">
        <v>96</v>
      </c>
      <c r="C138" s="72">
        <v>69.113270993244015</v>
      </c>
      <c r="D138" s="73">
        <v>5.2697014365998864</v>
      </c>
      <c r="E138" s="291">
        <v>0.27967836821930342</v>
      </c>
      <c r="F138" s="292">
        <v>9.0612149668715627E-2</v>
      </c>
      <c r="G138" s="291">
        <v>0.54482385508441855</v>
      </c>
      <c r="H138" s="292">
        <v>9.9628980034800307E-2</v>
      </c>
      <c r="I138" s="71">
        <v>95</v>
      </c>
      <c r="J138" s="72">
        <v>65.32632273939447</v>
      </c>
      <c r="K138" s="73">
        <v>5.5327128507421452</v>
      </c>
      <c r="L138" s="291">
        <v>0.3398478551024347</v>
      </c>
      <c r="M138" s="292">
        <v>9.5638638551645824E-2</v>
      </c>
      <c r="N138" s="291">
        <v>0.47476829603368986</v>
      </c>
      <c r="O138" s="292">
        <v>0.10038587517388253</v>
      </c>
      <c r="P138" s="71">
        <v>95</v>
      </c>
      <c r="Q138" s="72">
        <v>67.576703904216714</v>
      </c>
      <c r="R138" s="73">
        <v>5.3941794404832093</v>
      </c>
      <c r="S138" s="291">
        <v>0.29223773130608427</v>
      </c>
      <c r="T138" s="292">
        <v>9.2168591010119191E-2</v>
      </c>
      <c r="U138" s="291">
        <v>0.48040299492477107</v>
      </c>
      <c r="V138" s="292">
        <v>0.10043267289885548</v>
      </c>
    </row>
    <row r="139" spans="1:22" s="5" customFormat="1">
      <c r="A139" s="49" t="s">
        <v>443</v>
      </c>
      <c r="B139" s="74">
        <v>61</v>
      </c>
      <c r="C139" s="75">
        <v>67.998683917966602</v>
      </c>
      <c r="D139" s="76">
        <v>7.1396151527960123</v>
      </c>
      <c r="E139" s="294">
        <v>0.22124965060503129</v>
      </c>
      <c r="F139" s="295">
        <v>0.10570416795255579</v>
      </c>
      <c r="G139" s="294">
        <v>0.53584777619491686</v>
      </c>
      <c r="H139" s="295">
        <v>0.12375365903850294</v>
      </c>
      <c r="I139" s="74">
        <v>60</v>
      </c>
      <c r="J139" s="75">
        <v>63.601533032228929</v>
      </c>
      <c r="K139" s="76">
        <v>7.1857000369983837</v>
      </c>
      <c r="L139" s="294">
        <v>0.30296990487871145</v>
      </c>
      <c r="M139" s="295">
        <v>0.1161572492723693</v>
      </c>
      <c r="N139" s="294">
        <v>0.41542944951187294</v>
      </c>
      <c r="O139" s="295">
        <v>0.1234184715829688</v>
      </c>
      <c r="P139" s="74">
        <v>60</v>
      </c>
      <c r="Q139" s="75">
        <v>65.691318216357658</v>
      </c>
      <c r="R139" s="76">
        <v>7.3124860651153138</v>
      </c>
      <c r="S139" s="294">
        <v>0.29687126877251413</v>
      </c>
      <c r="T139" s="295">
        <v>0.1155787615250171</v>
      </c>
      <c r="U139" s="294">
        <v>0.4407135436631982</v>
      </c>
      <c r="V139" s="295">
        <v>0.12422528591431491</v>
      </c>
    </row>
    <row r="140" spans="1:22" s="5" customFormat="1">
      <c r="A140" s="57" t="s">
        <v>451</v>
      </c>
      <c r="B140" s="71">
        <v>124</v>
      </c>
      <c r="C140" s="72">
        <v>59.645150399058025</v>
      </c>
      <c r="D140" s="73">
        <v>5.3316979436628351</v>
      </c>
      <c r="E140" s="291">
        <v>0.40423728402299003</v>
      </c>
      <c r="F140" s="292">
        <v>8.6853630964539741E-2</v>
      </c>
      <c r="G140" s="291">
        <v>0.4052866539603513</v>
      </c>
      <c r="H140" s="292">
        <v>8.6887370581976306E-2</v>
      </c>
      <c r="I140" s="71">
        <v>123</v>
      </c>
      <c r="J140" s="72">
        <v>60.588475859905856</v>
      </c>
      <c r="K140" s="73">
        <v>5.3479361520424549</v>
      </c>
      <c r="L140" s="291">
        <v>0.3802230171775221</v>
      </c>
      <c r="M140" s="292">
        <v>8.6314378826590044E-2</v>
      </c>
      <c r="N140" s="291">
        <v>0.39719045910428524</v>
      </c>
      <c r="O140" s="292">
        <v>8.6958316979276612E-2</v>
      </c>
      <c r="P140" s="71">
        <v>122</v>
      </c>
      <c r="Q140" s="72">
        <v>64.904802515287273</v>
      </c>
      <c r="R140" s="73">
        <v>5.0082672064709532</v>
      </c>
      <c r="S140" s="291">
        <v>0.32562091096661822</v>
      </c>
      <c r="T140" s="292">
        <v>8.385398470226757E-2</v>
      </c>
      <c r="U140" s="291">
        <v>0.45514377312190341</v>
      </c>
      <c r="V140" s="292">
        <v>8.8750344026885003E-2</v>
      </c>
    </row>
    <row r="141" spans="1:22" s="5" customFormat="1"/>
    <row r="142" spans="1:22" s="5" customFormat="1"/>
    <row r="143" spans="1:22" s="5" customFormat="1"/>
    <row r="144" spans="1:22" s="5" customFormat="1"/>
    <row r="145" s="5" customFormat="1"/>
    <row r="146" s="5" customFormat="1"/>
    <row r="147" s="5" customFormat="1"/>
  </sheetData>
  <mergeCells count="23">
    <mergeCell ref="P121:V121"/>
    <mergeCell ref="A5:H5"/>
    <mergeCell ref="A34:H34"/>
    <mergeCell ref="B63:H63"/>
    <mergeCell ref="I63:O63"/>
    <mergeCell ref="P63:V63"/>
    <mergeCell ref="A91:H91"/>
    <mergeCell ref="A90:H90"/>
    <mergeCell ref="A120:V120"/>
    <mergeCell ref="A119:V119"/>
    <mergeCell ref="I121:O121"/>
    <mergeCell ref="A92:H92"/>
    <mergeCell ref="B121:H121"/>
    <mergeCell ref="AR63:AX63"/>
    <mergeCell ref="A4:H4"/>
    <mergeCell ref="A3:H3"/>
    <mergeCell ref="A33:H33"/>
    <mergeCell ref="A32:H32"/>
    <mergeCell ref="A61:AX61"/>
    <mergeCell ref="A62:AX62"/>
    <mergeCell ref="W63:AC63"/>
    <mergeCell ref="AD63:AJ63"/>
    <mergeCell ref="AK63:AQ63"/>
  </mergeCells>
  <pageMargins left="0.7" right="0.7" top="0.75" bottom="0.75" header="0.3" footer="0.3"/>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AS82"/>
  <sheetViews>
    <sheetView zoomScaleNormal="100" workbookViewId="0"/>
  </sheetViews>
  <sheetFormatPr defaultColWidth="18" defaultRowHeight="15"/>
  <cols>
    <col min="1" max="1" width="42.28515625" style="5" customWidth="1"/>
    <col min="2" max="4" width="19.42578125" style="5" customWidth="1"/>
    <col min="5" max="8" width="18" style="5"/>
    <col min="9" max="9" width="19.85546875" style="5" customWidth="1"/>
    <col min="10" max="16384" width="18" style="5"/>
  </cols>
  <sheetData>
    <row r="1" spans="1:43" ht="28.5">
      <c r="A1" s="36" t="s">
        <v>64</v>
      </c>
      <c r="P1" s="227"/>
      <c r="Q1" s="227"/>
      <c r="R1" s="227"/>
      <c r="S1" s="227"/>
      <c r="T1" s="227"/>
      <c r="U1" s="227"/>
      <c r="V1" s="227"/>
      <c r="W1" s="227"/>
      <c r="X1" s="227"/>
      <c r="Y1" s="227"/>
      <c r="Z1" s="227"/>
      <c r="AA1" s="227"/>
      <c r="AB1" s="227"/>
      <c r="AC1" s="227"/>
      <c r="AD1" s="227"/>
      <c r="AE1" s="227"/>
      <c r="AF1" s="227"/>
      <c r="AG1" s="227"/>
      <c r="AH1" s="227"/>
      <c r="AI1" s="227"/>
      <c r="AJ1" s="227"/>
      <c r="AK1" s="227"/>
    </row>
    <row r="2" spans="1:43">
      <c r="P2" s="227"/>
      <c r="Q2" s="227"/>
      <c r="R2" s="227"/>
      <c r="S2" s="227"/>
      <c r="T2" s="227"/>
      <c r="U2" s="227"/>
      <c r="V2" s="227"/>
      <c r="W2" s="227"/>
      <c r="X2" s="227"/>
      <c r="Y2" s="227"/>
      <c r="Z2" s="227"/>
      <c r="AA2" s="227"/>
      <c r="AB2" s="227"/>
      <c r="AC2" s="227"/>
      <c r="AD2" s="227"/>
      <c r="AE2" s="227"/>
      <c r="AF2" s="227"/>
      <c r="AG2" s="227"/>
      <c r="AH2" s="227"/>
      <c r="AI2" s="227"/>
      <c r="AJ2" s="227"/>
      <c r="AK2" s="227"/>
    </row>
    <row r="3" spans="1:43" ht="18.75">
      <c r="A3" s="339" t="s">
        <v>33</v>
      </c>
      <c r="B3" s="339"/>
      <c r="C3" s="339"/>
      <c r="D3" s="339"/>
      <c r="E3" s="339"/>
      <c r="F3" s="339"/>
      <c r="G3" s="339"/>
      <c r="H3" s="339"/>
      <c r="I3" s="339"/>
      <c r="J3" s="339"/>
      <c r="K3" s="339"/>
      <c r="L3" s="339"/>
      <c r="M3" s="339"/>
      <c r="N3" s="339"/>
      <c r="O3" s="339"/>
      <c r="P3" s="339"/>
      <c r="Q3" s="339"/>
      <c r="R3" s="339"/>
      <c r="S3" s="339"/>
      <c r="T3" s="339"/>
      <c r="U3" s="339"/>
      <c r="V3" s="339"/>
      <c r="W3" s="339"/>
      <c r="X3" s="266"/>
      <c r="Y3" s="266"/>
      <c r="Z3" s="266"/>
      <c r="AA3" s="266"/>
      <c r="AB3" s="266"/>
      <c r="AC3" s="266"/>
      <c r="AD3" s="266"/>
      <c r="AE3" s="266"/>
      <c r="AF3" s="266"/>
      <c r="AG3" s="266"/>
      <c r="AH3" s="266"/>
      <c r="AI3" s="266"/>
      <c r="AJ3" s="266"/>
      <c r="AK3" s="227"/>
    </row>
    <row r="4" spans="1:43" ht="62.25" customHeight="1">
      <c r="A4" s="338" t="s">
        <v>380</v>
      </c>
      <c r="B4" s="338"/>
      <c r="C4" s="338"/>
      <c r="D4" s="338"/>
      <c r="E4" s="338"/>
      <c r="F4" s="338"/>
      <c r="G4" s="338"/>
      <c r="H4" s="338"/>
      <c r="I4" s="338"/>
      <c r="J4" s="338"/>
      <c r="K4" s="338"/>
      <c r="L4" s="338"/>
      <c r="M4" s="338"/>
      <c r="N4" s="338"/>
      <c r="O4" s="338"/>
      <c r="P4" s="338"/>
      <c r="Q4" s="338"/>
      <c r="R4" s="338"/>
      <c r="S4" s="338"/>
      <c r="T4" s="338"/>
      <c r="U4" s="338"/>
      <c r="V4" s="338"/>
      <c r="W4" s="338"/>
      <c r="X4" s="264"/>
      <c r="Y4" s="264"/>
      <c r="Z4" s="264"/>
      <c r="AA4" s="264"/>
      <c r="AB4" s="264"/>
      <c r="AC4" s="265"/>
      <c r="AD4" s="264"/>
      <c r="AE4" s="264"/>
      <c r="AF4" s="264"/>
      <c r="AG4" s="264"/>
      <c r="AH4" s="264"/>
      <c r="AI4" s="264"/>
      <c r="AJ4" s="264"/>
      <c r="AK4" s="227"/>
    </row>
    <row r="5" spans="1:43" ht="39.75" customHeight="1">
      <c r="A5" s="64"/>
      <c r="B5" s="341" t="s">
        <v>100</v>
      </c>
      <c r="C5" s="342"/>
      <c r="D5" s="342"/>
      <c r="E5" s="342"/>
      <c r="F5" s="342"/>
      <c r="G5" s="342"/>
      <c r="H5" s="342"/>
      <c r="I5" s="342"/>
      <c r="J5" s="342"/>
      <c r="K5" s="342"/>
      <c r="L5" s="343"/>
      <c r="M5" s="344" t="s">
        <v>252</v>
      </c>
      <c r="N5" s="345"/>
      <c r="O5" s="345"/>
      <c r="P5" s="345"/>
      <c r="Q5" s="345"/>
      <c r="R5" s="345"/>
      <c r="S5" s="345"/>
      <c r="T5" s="345"/>
      <c r="U5" s="345"/>
      <c r="V5" s="345"/>
      <c r="W5" s="345"/>
      <c r="X5" s="227"/>
      <c r="Y5" s="227"/>
      <c r="Z5" s="227"/>
      <c r="AA5" s="227"/>
      <c r="AB5" s="227"/>
      <c r="AC5" s="227"/>
      <c r="AD5" s="227"/>
      <c r="AE5" s="227"/>
      <c r="AF5" s="227"/>
      <c r="AG5" s="227"/>
      <c r="AH5" s="227"/>
      <c r="AI5" s="227"/>
      <c r="AJ5" s="227"/>
      <c r="AK5" s="227"/>
      <c r="AL5" s="227"/>
      <c r="AM5" s="227"/>
      <c r="AN5" s="227"/>
      <c r="AO5" s="227"/>
    </row>
    <row r="6" spans="1:43" ht="72">
      <c r="A6" s="37" t="s">
        <v>85</v>
      </c>
      <c r="B6" s="38" t="s">
        <v>86</v>
      </c>
      <c r="C6" s="39" t="s">
        <v>87</v>
      </c>
      <c r="D6" s="40" t="s">
        <v>88</v>
      </c>
      <c r="E6" s="38" t="s">
        <v>178</v>
      </c>
      <c r="F6" s="89" t="s">
        <v>101</v>
      </c>
      <c r="G6" s="38" t="s">
        <v>179</v>
      </c>
      <c r="H6" s="89" t="s">
        <v>102</v>
      </c>
      <c r="I6" s="38" t="s">
        <v>180</v>
      </c>
      <c r="J6" s="89" t="s">
        <v>103</v>
      </c>
      <c r="K6" s="38" t="s">
        <v>356</v>
      </c>
      <c r="L6" s="89" t="s">
        <v>355</v>
      </c>
      <c r="M6" s="65" t="s">
        <v>86</v>
      </c>
      <c r="N6" s="65" t="s">
        <v>87</v>
      </c>
      <c r="O6" s="65" t="s">
        <v>88</v>
      </c>
      <c r="P6" s="65" t="s">
        <v>178</v>
      </c>
      <c r="Q6" s="88" t="s">
        <v>101</v>
      </c>
      <c r="R6" s="65" t="s">
        <v>179</v>
      </c>
      <c r="S6" s="88" t="s">
        <v>102</v>
      </c>
      <c r="T6" s="65" t="s">
        <v>180</v>
      </c>
      <c r="U6" s="88" t="s">
        <v>103</v>
      </c>
      <c r="V6" s="65" t="s">
        <v>356</v>
      </c>
      <c r="W6" s="88" t="s">
        <v>355</v>
      </c>
      <c r="X6" s="227"/>
      <c r="Y6" s="227"/>
      <c r="Z6" s="227"/>
      <c r="AA6" s="227"/>
      <c r="AB6" s="227"/>
      <c r="AC6" s="227"/>
      <c r="AD6" s="227"/>
      <c r="AE6" s="227"/>
      <c r="AF6" s="227"/>
      <c r="AG6" s="227"/>
      <c r="AH6" s="227"/>
      <c r="AI6" s="227"/>
      <c r="AJ6" s="227"/>
      <c r="AK6" s="227"/>
      <c r="AL6" s="227"/>
      <c r="AM6" s="227"/>
      <c r="AN6" s="227"/>
      <c r="AO6" s="227"/>
      <c r="AP6" s="227"/>
      <c r="AQ6" s="227"/>
    </row>
    <row r="7" spans="1:43" ht="92.25" customHeight="1">
      <c r="A7" s="41"/>
      <c r="B7" s="42" t="s">
        <v>89</v>
      </c>
      <c r="C7" s="43" t="s">
        <v>357</v>
      </c>
      <c r="D7" s="44" t="s">
        <v>91</v>
      </c>
      <c r="E7" s="42" t="s">
        <v>181</v>
      </c>
      <c r="F7" s="91" t="s">
        <v>104</v>
      </c>
      <c r="G7" s="42" t="s">
        <v>182</v>
      </c>
      <c r="H7" s="91" t="s">
        <v>104</v>
      </c>
      <c r="I7" s="42" t="s">
        <v>183</v>
      </c>
      <c r="J7" s="91" t="s">
        <v>104</v>
      </c>
      <c r="K7" s="42" t="s">
        <v>356</v>
      </c>
      <c r="L7" s="91" t="s">
        <v>104</v>
      </c>
      <c r="M7" s="68" t="s">
        <v>89</v>
      </c>
      <c r="N7" s="68" t="s">
        <v>357</v>
      </c>
      <c r="O7" s="68" t="s">
        <v>91</v>
      </c>
      <c r="P7" s="68" t="s">
        <v>181</v>
      </c>
      <c r="Q7" s="90" t="s">
        <v>104</v>
      </c>
      <c r="R7" s="68" t="s">
        <v>182</v>
      </c>
      <c r="S7" s="90" t="s">
        <v>104</v>
      </c>
      <c r="T7" s="68" t="s">
        <v>183</v>
      </c>
      <c r="U7" s="90" t="s">
        <v>104</v>
      </c>
      <c r="V7" s="68" t="s">
        <v>356</v>
      </c>
      <c r="W7" s="90" t="s">
        <v>104</v>
      </c>
    </row>
    <row r="8" spans="1:43">
      <c r="A8" s="45" t="s">
        <v>435</v>
      </c>
      <c r="B8" s="99">
        <v>9381</v>
      </c>
      <c r="C8" s="100">
        <v>5.2260135235325373</v>
      </c>
      <c r="D8" s="101">
        <v>2.7253467328543442E-2</v>
      </c>
      <c r="E8" s="93">
        <v>9.8749675005076726E-2</v>
      </c>
      <c r="F8" s="94">
        <v>6.1636495798406618E-3</v>
      </c>
      <c r="G8" s="93">
        <v>0.13570839244770772</v>
      </c>
      <c r="H8" s="94">
        <v>7.0738467002636578E-3</v>
      </c>
      <c r="I8" s="93">
        <v>0.70822737345529885</v>
      </c>
      <c r="J8" s="94">
        <v>9.3855626104899399E-3</v>
      </c>
      <c r="K8" s="93">
        <v>5.7314559091932463E-2</v>
      </c>
      <c r="L8" s="94">
        <v>4.8061678848577783E-3</v>
      </c>
      <c r="M8" s="92">
        <v>9383</v>
      </c>
      <c r="N8" s="100">
        <v>5.5</v>
      </c>
      <c r="O8" s="101">
        <v>3.9199999999999999E-2</v>
      </c>
      <c r="P8" s="93">
        <v>0.104</v>
      </c>
      <c r="Q8" s="94">
        <v>6.3059192654077558E-3</v>
      </c>
      <c r="R8" s="93">
        <v>0.109</v>
      </c>
      <c r="S8" s="94">
        <v>6.4373889196710169E-3</v>
      </c>
      <c r="T8" s="93">
        <v>0.77900000000000003</v>
      </c>
      <c r="U8" s="94">
        <v>8.5667302804752245E-3</v>
      </c>
      <c r="V8" s="93">
        <v>7.0000000000000001E-3</v>
      </c>
      <c r="W8" s="94">
        <v>1.7464865332154111E-3</v>
      </c>
    </row>
    <row r="9" spans="1:43">
      <c r="A9" s="49" t="s">
        <v>436</v>
      </c>
      <c r="B9" s="103">
        <v>8740</v>
      </c>
      <c r="C9" s="104">
        <v>5.2</v>
      </c>
      <c r="D9" s="105">
        <v>2.8386114124111905E-2</v>
      </c>
      <c r="E9" s="96">
        <v>0.1</v>
      </c>
      <c r="F9" s="97">
        <v>6.4216850363211127E-3</v>
      </c>
      <c r="G9" s="96">
        <v>0.13900000000000001</v>
      </c>
      <c r="H9" s="97">
        <v>7.4028692144141386E-3</v>
      </c>
      <c r="I9" s="96">
        <v>0.70699999999999996</v>
      </c>
      <c r="J9" s="97">
        <v>9.7355282174307386E-3</v>
      </c>
      <c r="K9" s="96">
        <v>5.3999999999999999E-2</v>
      </c>
      <c r="L9" s="97">
        <v>4.8427207059158588E-3</v>
      </c>
      <c r="M9" s="95">
        <v>8741</v>
      </c>
      <c r="N9" s="104">
        <v>5.5</v>
      </c>
      <c r="O9" s="105">
        <v>3.1523138752816419E-2</v>
      </c>
      <c r="P9" s="96">
        <v>0.108</v>
      </c>
      <c r="Q9" s="97">
        <v>6.6429494981215522E-3</v>
      </c>
      <c r="R9" s="96">
        <v>0.11799999999999999</v>
      </c>
      <c r="S9" s="97">
        <v>6.904045829710815E-3</v>
      </c>
      <c r="T9" s="96">
        <v>0.76700000000000002</v>
      </c>
      <c r="U9" s="97">
        <v>9.0428419579258769E-3</v>
      </c>
      <c r="V9" s="96">
        <v>6.0000000000000001E-3</v>
      </c>
      <c r="W9" s="97">
        <v>1.6822750177737824E-3</v>
      </c>
    </row>
    <row r="10" spans="1:43">
      <c r="A10" s="45" t="s">
        <v>437</v>
      </c>
      <c r="B10" s="99">
        <v>839</v>
      </c>
      <c r="C10" s="100">
        <v>5</v>
      </c>
      <c r="D10" s="101">
        <v>9.8000000000000004E-2</v>
      </c>
      <c r="E10" s="93">
        <v>0.10299999999999999</v>
      </c>
      <c r="F10" s="94">
        <v>2.1106199053866914E-2</v>
      </c>
      <c r="G10" s="93">
        <v>0.153</v>
      </c>
      <c r="H10" s="94">
        <v>2.4906083184323583E-2</v>
      </c>
      <c r="I10" s="93">
        <v>0.61399999999999999</v>
      </c>
      <c r="J10" s="94">
        <v>3.3543374187602067E-2</v>
      </c>
      <c r="K10" s="93">
        <v>0.13</v>
      </c>
      <c r="L10" s="94">
        <v>2.3298169135657482E-2</v>
      </c>
      <c r="M10" s="92">
        <v>839</v>
      </c>
      <c r="N10" s="100">
        <v>5</v>
      </c>
      <c r="O10" s="101">
        <v>9.8000000000000004E-2</v>
      </c>
      <c r="P10" s="93">
        <v>0.10100000000000001</v>
      </c>
      <c r="Q10" s="94">
        <v>2.0928191061553039E-2</v>
      </c>
      <c r="R10" s="93">
        <v>0.11899999999999999</v>
      </c>
      <c r="S10" s="94">
        <v>2.244944737091643E-2</v>
      </c>
      <c r="T10" s="93">
        <v>0.77300000000000002</v>
      </c>
      <c r="U10" s="94">
        <v>2.8912810890447931E-2</v>
      </c>
      <c r="V10" s="93">
        <v>6.0000000000000001E-3</v>
      </c>
      <c r="W10" s="94">
        <v>6.2659095712180174E-3</v>
      </c>
    </row>
    <row r="11" spans="1:43">
      <c r="A11" s="49" t="s">
        <v>438</v>
      </c>
      <c r="B11" s="103">
        <v>964</v>
      </c>
      <c r="C11" s="104">
        <v>5.2082781680762364</v>
      </c>
      <c r="D11" s="105">
        <v>7.8399999999999997E-2</v>
      </c>
      <c r="E11" s="96">
        <v>0.10578602324183298</v>
      </c>
      <c r="F11" s="97">
        <v>1.9904422758072832E-2</v>
      </c>
      <c r="G11" s="96">
        <v>0.15129615250602119</v>
      </c>
      <c r="H11" s="97">
        <v>2.3124569475889548E-2</v>
      </c>
      <c r="I11" s="96">
        <v>0.69513946791322379</v>
      </c>
      <c r="J11" s="97">
        <v>2.9614230701323723E-2</v>
      </c>
      <c r="K11" s="96">
        <v>4.777835633892092E-2</v>
      </c>
      <c r="L11" s="97">
        <v>1.3963087725222744E-2</v>
      </c>
      <c r="M11" s="95">
        <v>960</v>
      </c>
      <c r="N11" s="104">
        <v>5.3</v>
      </c>
      <c r="O11" s="105">
        <v>9.8000000000000004E-2</v>
      </c>
      <c r="P11" s="96">
        <v>0.13800000000000001</v>
      </c>
      <c r="Q11" s="97">
        <v>2.2318074643522701E-2</v>
      </c>
      <c r="R11" s="96">
        <v>0.14099999999999999</v>
      </c>
      <c r="S11" s="97">
        <v>2.2516599029759922E-2</v>
      </c>
      <c r="T11" s="96">
        <v>0.71799999999999997</v>
      </c>
      <c r="U11" s="97">
        <v>2.9013487477757019E-2</v>
      </c>
      <c r="V11" s="96">
        <v>4.0000000000000001E-3</v>
      </c>
      <c r="W11" s="97">
        <v>4.9985021890478635E-3</v>
      </c>
    </row>
    <row r="12" spans="1:43">
      <c r="A12" s="45" t="s">
        <v>439</v>
      </c>
      <c r="B12" s="99">
        <v>876</v>
      </c>
      <c r="C12" s="100">
        <v>5.21</v>
      </c>
      <c r="D12" s="101">
        <v>9.8000000000000004E-2</v>
      </c>
      <c r="E12" s="93">
        <v>9.8000000000000004E-2</v>
      </c>
      <c r="F12" s="94">
        <v>2.0210459527309956E-2</v>
      </c>
      <c r="G12" s="93">
        <v>0.157</v>
      </c>
      <c r="H12" s="94">
        <v>2.4626123010772483E-2</v>
      </c>
      <c r="I12" s="93">
        <v>0.69299999999999995</v>
      </c>
      <c r="J12" s="94">
        <v>3.1122109771999803E-2</v>
      </c>
      <c r="K12" s="93">
        <v>5.1999999999999998E-2</v>
      </c>
      <c r="L12" s="94">
        <v>1.5242946959364862E-2</v>
      </c>
      <c r="M12" s="92">
        <v>899</v>
      </c>
      <c r="N12" s="100">
        <v>5.27</v>
      </c>
      <c r="O12" s="101">
        <v>9.8000000000000004E-2</v>
      </c>
      <c r="P12" s="93">
        <v>0.13700000000000001</v>
      </c>
      <c r="Q12" s="94">
        <v>2.2997501248617155E-2</v>
      </c>
      <c r="R12" s="93">
        <v>0.156</v>
      </c>
      <c r="S12" s="94">
        <v>2.4245885034700369E-2</v>
      </c>
      <c r="T12" s="93">
        <v>0.70499999999999996</v>
      </c>
      <c r="U12" s="94">
        <v>3.0379401563911577E-2</v>
      </c>
      <c r="V12" s="93">
        <v>2E-3</v>
      </c>
      <c r="W12" s="94">
        <v>4.3072936664731408E-3</v>
      </c>
    </row>
    <row r="13" spans="1:43">
      <c r="A13" s="49" t="s">
        <v>444</v>
      </c>
      <c r="B13" s="103">
        <v>20</v>
      </c>
      <c r="C13" s="104">
        <v>5.1609450255718059</v>
      </c>
      <c r="D13" s="105">
        <v>0.72519999999999996</v>
      </c>
      <c r="E13" s="96">
        <v>0.18799980667057653</v>
      </c>
      <c r="F13" s="97">
        <v>0.17435591770087727</v>
      </c>
      <c r="G13" s="96">
        <v>6.1527232516120307E-2</v>
      </c>
      <c r="H13" s="97">
        <v>0.13933607128449746</v>
      </c>
      <c r="I13" s="96">
        <v>0.68894572829718281</v>
      </c>
      <c r="J13" s="97">
        <v>0.1937386531200217</v>
      </c>
      <c r="K13" s="96">
        <v>6.1527232516120307E-2</v>
      </c>
      <c r="L13" s="97">
        <v>0.13933607128449746</v>
      </c>
      <c r="M13" s="95">
        <v>19</v>
      </c>
      <c r="N13" s="104">
        <v>5.9</v>
      </c>
      <c r="O13" s="105">
        <v>0.76439999999999997</v>
      </c>
      <c r="P13" s="96">
        <v>6.4925337415075043E-2</v>
      </c>
      <c r="Q13" s="97">
        <v>0.14495864989094587</v>
      </c>
      <c r="R13" s="96">
        <v>6.154994244817278E-2</v>
      </c>
      <c r="S13" s="97">
        <v>0.14374657672329055</v>
      </c>
      <c r="T13" s="96">
        <v>0.8735247201367522</v>
      </c>
      <c r="U13" s="97">
        <v>0.16407226408093659</v>
      </c>
      <c r="V13" s="96">
        <v>0</v>
      </c>
      <c r="W13" s="97">
        <v>0.11750676951168283</v>
      </c>
    </row>
    <row r="14" spans="1:43">
      <c r="A14" s="45" t="s">
        <v>445</v>
      </c>
      <c r="B14" s="99">
        <v>292</v>
      </c>
      <c r="C14" s="100">
        <v>5.308888582887767</v>
      </c>
      <c r="D14" s="101">
        <v>0.15679999999999999</v>
      </c>
      <c r="E14" s="93">
        <v>7.4373740010372072E-2</v>
      </c>
      <c r="F14" s="94">
        <v>3.1559758651292742E-2</v>
      </c>
      <c r="G14" s="93">
        <v>0.16767877926143102</v>
      </c>
      <c r="H14" s="94">
        <v>4.3886714289376509E-2</v>
      </c>
      <c r="I14" s="93">
        <v>0.73194171870434976</v>
      </c>
      <c r="J14" s="94">
        <v>5.1680827500678608E-2</v>
      </c>
      <c r="K14" s="93">
        <v>2.6005762023847728E-2</v>
      </c>
      <c r="L14" s="94">
        <v>2.0586209907177661E-2</v>
      </c>
      <c r="M14" s="92">
        <v>292</v>
      </c>
      <c r="N14" s="100">
        <v>5.4</v>
      </c>
      <c r="O14" s="101">
        <v>0.1764</v>
      </c>
      <c r="P14" s="93">
        <v>9.3226422595091826E-2</v>
      </c>
      <c r="Q14" s="94">
        <v>3.4675534731895039E-2</v>
      </c>
      <c r="R14" s="93">
        <v>0.17352597011750709</v>
      </c>
      <c r="S14" s="94">
        <v>4.4460113814083414E-2</v>
      </c>
      <c r="T14" s="93">
        <v>0.72948608670901105</v>
      </c>
      <c r="U14" s="94">
        <v>5.182479142582605E-2</v>
      </c>
      <c r="V14" s="93">
        <v>3.7615205783903959E-3</v>
      </c>
      <c r="W14" s="94">
        <v>1.1830948050197918E-2</v>
      </c>
    </row>
    <row r="15" spans="1:43">
      <c r="A15" s="49" t="s">
        <v>440</v>
      </c>
      <c r="B15" s="103">
        <v>101</v>
      </c>
      <c r="C15" s="104">
        <v>5.0404808683833604</v>
      </c>
      <c r="D15" s="105">
        <v>0.25480000000000003</v>
      </c>
      <c r="E15" s="96">
        <v>8.3702559092457191E-2</v>
      </c>
      <c r="F15" s="97">
        <v>5.8439717447787497E-2</v>
      </c>
      <c r="G15" s="96">
        <v>0.33478195803232808</v>
      </c>
      <c r="H15" s="97">
        <v>9.2529152255012639E-2</v>
      </c>
      <c r="I15" s="96">
        <v>0.56468876137757384</v>
      </c>
      <c r="J15" s="97">
        <v>9.6831344907083464E-2</v>
      </c>
      <c r="K15" s="96">
        <v>1.6826721497640706E-2</v>
      </c>
      <c r="L15" s="97">
        <v>3.5985148028001394E-2</v>
      </c>
      <c r="M15" s="95">
        <v>101</v>
      </c>
      <c r="N15" s="104">
        <v>5</v>
      </c>
      <c r="O15" s="105">
        <v>0.31359999999999999</v>
      </c>
      <c r="P15" s="96">
        <v>0.1900204931087224</v>
      </c>
      <c r="Q15" s="97">
        <v>7.8338507378915359E-2</v>
      </c>
      <c r="R15" s="96">
        <v>0.21095989643282087</v>
      </c>
      <c r="S15" s="97">
        <v>8.1111292442038935E-2</v>
      </c>
      <c r="T15" s="96">
        <v>0.58674713260918732</v>
      </c>
      <c r="U15" s="97">
        <v>9.6221441535209604E-2</v>
      </c>
      <c r="V15" s="96">
        <v>1.227247784926869E-2</v>
      </c>
      <c r="W15" s="97">
        <v>3.3750170433726169E-2</v>
      </c>
    </row>
    <row r="16" spans="1:43">
      <c r="A16" s="45" t="s">
        <v>441</v>
      </c>
      <c r="B16" s="99">
        <v>95</v>
      </c>
      <c r="C16" s="100">
        <v>5.9087183554852682</v>
      </c>
      <c r="D16" s="101">
        <v>0.21559999999999999</v>
      </c>
      <c r="E16" s="93">
        <v>5.4570961611859062E-4</v>
      </c>
      <c r="F16" s="94">
        <v>2.8636437263685945E-2</v>
      </c>
      <c r="G16" s="93">
        <v>5.1042722114090402E-2</v>
      </c>
      <c r="H16" s="94">
        <v>5.1008497703982067E-2</v>
      </c>
      <c r="I16" s="93">
        <v>0.93620934244406417</v>
      </c>
      <c r="J16" s="94">
        <v>5.4969901792063805E-2</v>
      </c>
      <c r="K16" s="93">
        <v>1.220222582572675E-2</v>
      </c>
      <c r="L16" s="94">
        <v>3.5329845686321089E-2</v>
      </c>
      <c r="M16" s="92">
        <v>95</v>
      </c>
      <c r="N16" s="100">
        <v>6</v>
      </c>
      <c r="O16" s="101">
        <v>0.23519999999999999</v>
      </c>
      <c r="P16" s="93">
        <v>1.2985940763287582E-2</v>
      </c>
      <c r="Q16" s="94">
        <v>3.572984314646651E-2</v>
      </c>
      <c r="R16" s="93">
        <v>6.1492273754147127E-2</v>
      </c>
      <c r="S16" s="94">
        <v>5.4285281572774534E-2</v>
      </c>
      <c r="T16" s="93">
        <v>0.92552178548256481</v>
      </c>
      <c r="U16" s="94">
        <v>5.8002939366743667E-2</v>
      </c>
      <c r="V16" s="93">
        <v>0</v>
      </c>
      <c r="W16" s="94">
        <v>2.8279912978147775E-2</v>
      </c>
    </row>
    <row r="17" spans="1:45">
      <c r="A17" s="49" t="s">
        <v>442</v>
      </c>
      <c r="B17" s="103">
        <v>72</v>
      </c>
      <c r="C17" s="104">
        <v>4.9619057346995348</v>
      </c>
      <c r="D17" s="105">
        <v>0.3332</v>
      </c>
      <c r="E17" s="96">
        <v>0.14366657352117115</v>
      </c>
      <c r="F17" s="97">
        <v>8.4616905961545197E-2</v>
      </c>
      <c r="G17" s="96">
        <v>0.12954430670772854</v>
      </c>
      <c r="H17" s="97">
        <v>8.170178910966705E-2</v>
      </c>
      <c r="I17" s="96">
        <v>0.67096332727297181</v>
      </c>
      <c r="J17" s="97">
        <v>0.10852291909037051</v>
      </c>
      <c r="K17" s="96">
        <v>5.5825792498128288E-2</v>
      </c>
      <c r="L17" s="97">
        <v>6.1955079902309883E-2</v>
      </c>
      <c r="M17" s="95">
        <v>72</v>
      </c>
      <c r="N17" s="104">
        <v>5.6</v>
      </c>
      <c r="O17" s="105">
        <v>0.3528</v>
      </c>
      <c r="P17" s="96">
        <v>8.4931878198111099E-2</v>
      </c>
      <c r="Q17" s="97">
        <v>7.085051707136307E-2</v>
      </c>
      <c r="R17" s="96">
        <v>0.11475425656327305</v>
      </c>
      <c r="S17" s="97">
        <v>7.8404200127437748E-2</v>
      </c>
      <c r="T17" s="96">
        <v>0.80031386523861547</v>
      </c>
      <c r="U17" s="97">
        <v>9.4327333366735364E-2</v>
      </c>
      <c r="V17" s="96">
        <v>0</v>
      </c>
      <c r="W17" s="97">
        <v>3.6723195522334773E-2</v>
      </c>
    </row>
    <row r="18" spans="1:45">
      <c r="A18" s="45" t="s">
        <v>446</v>
      </c>
      <c r="B18" s="99">
        <v>99</v>
      </c>
      <c r="C18" s="100">
        <v>5.1338064137365373</v>
      </c>
      <c r="D18" s="101">
        <v>0.21559999999999999</v>
      </c>
      <c r="E18" s="93">
        <v>6.0847049169223115E-2</v>
      </c>
      <c r="F18" s="94">
        <v>5.2816915464924966E-2</v>
      </c>
      <c r="G18" s="93">
        <v>0.16016948276692994</v>
      </c>
      <c r="H18" s="94">
        <v>7.46020490807391E-2</v>
      </c>
      <c r="I18" s="93">
        <v>0.75892294757218137</v>
      </c>
      <c r="J18" s="94">
        <v>8.546046019979614E-2</v>
      </c>
      <c r="K18" s="93">
        <v>2.0060520491665398E-2</v>
      </c>
      <c r="L18" s="94">
        <v>3.8009369509533888E-2</v>
      </c>
      <c r="M18" s="92">
        <v>97</v>
      </c>
      <c r="N18" s="100">
        <v>5.2</v>
      </c>
      <c r="O18" s="101">
        <v>0.29399999999999998</v>
      </c>
      <c r="P18" s="93">
        <v>0.15255146548677939</v>
      </c>
      <c r="Q18" s="94">
        <v>7.4102467859681942E-2</v>
      </c>
      <c r="R18" s="93">
        <v>7.9223125647257073E-2</v>
      </c>
      <c r="S18" s="94">
        <v>5.8595148266252589E-2</v>
      </c>
      <c r="T18" s="93">
        <v>0.76822540886596247</v>
      </c>
      <c r="U18" s="94">
        <v>8.5281337543869337E-2</v>
      </c>
      <c r="V18" s="93">
        <v>0</v>
      </c>
      <c r="W18" s="94">
        <v>2.7725572981612018E-2</v>
      </c>
    </row>
    <row r="19" spans="1:45">
      <c r="A19" s="49" t="s">
        <v>447</v>
      </c>
      <c r="B19" s="103">
        <v>105</v>
      </c>
      <c r="C19" s="104">
        <v>5.2330888908650497</v>
      </c>
      <c r="D19" s="105">
        <v>0.25480000000000003</v>
      </c>
      <c r="E19" s="96">
        <v>7.3663091599107958E-2</v>
      </c>
      <c r="F19" s="97">
        <v>5.4632207338854509E-2</v>
      </c>
      <c r="G19" s="96">
        <v>0.25780486317073636</v>
      </c>
      <c r="H19" s="97">
        <v>8.4715981156928036E-2</v>
      </c>
      <c r="I19" s="96">
        <v>0.62143215701582355</v>
      </c>
      <c r="J19" s="97">
        <v>9.312448638863137E-2</v>
      </c>
      <c r="K19" s="96">
        <v>4.7099888214331448E-2</v>
      </c>
      <c r="L19" s="97">
        <v>4.6790506267707116E-2</v>
      </c>
      <c r="M19" s="95">
        <v>105</v>
      </c>
      <c r="N19" s="104">
        <v>5.4</v>
      </c>
      <c r="O19" s="105">
        <v>0.27440000000000003</v>
      </c>
      <c r="P19" s="96">
        <v>0.12163968814297307</v>
      </c>
      <c r="Q19" s="97">
        <v>6.5569512998092438E-2</v>
      </c>
      <c r="R19" s="96">
        <v>9.1977877857945603E-2</v>
      </c>
      <c r="S19" s="97">
        <v>5.9203463410966717E-2</v>
      </c>
      <c r="T19" s="96">
        <v>0.78638243399908059</v>
      </c>
      <c r="U19" s="97">
        <v>7.9883882497882211E-2</v>
      </c>
      <c r="V19" s="96">
        <v>0</v>
      </c>
      <c r="W19" s="97">
        <v>2.5709707484377786E-2</v>
      </c>
    </row>
    <row r="20" spans="1:45" ht="25.5">
      <c r="A20" s="45" t="s">
        <v>448</v>
      </c>
      <c r="B20" s="83">
        <v>132</v>
      </c>
      <c r="C20" s="84">
        <v>4.9999473521169131</v>
      </c>
      <c r="D20" s="85">
        <v>0.23519999999999999</v>
      </c>
      <c r="E20" s="98">
        <v>0.16727656766192733</v>
      </c>
      <c r="F20" s="94">
        <v>6.5464719733205987E-2</v>
      </c>
      <c r="G20" s="98">
        <v>0.14557303298996851</v>
      </c>
      <c r="H20" s="94">
        <v>6.2228747993090867E-2</v>
      </c>
      <c r="I20" s="98">
        <v>0.62949690190152308</v>
      </c>
      <c r="J20" s="94">
        <v>8.2995833355654552E-2</v>
      </c>
      <c r="K20" s="98">
        <v>5.7653497446579799E-2</v>
      </c>
      <c r="L20" s="94">
        <v>4.3948610296479423E-2</v>
      </c>
      <c r="M20" s="83">
        <v>132</v>
      </c>
      <c r="N20" s="84">
        <v>4.8</v>
      </c>
      <c r="O20" s="85">
        <v>0.27440000000000003</v>
      </c>
      <c r="P20" s="98">
        <v>0.19402982933191013</v>
      </c>
      <c r="Q20" s="94">
        <v>6.898597398980745E-2</v>
      </c>
      <c r="R20" s="98">
        <v>0.22157512696381285</v>
      </c>
      <c r="S20" s="94">
        <v>7.2146206742626853E-2</v>
      </c>
      <c r="T20" s="98">
        <v>0.58413591746981863</v>
      </c>
      <c r="U20" s="94">
        <v>8.4597911758264213E-2</v>
      </c>
      <c r="V20" s="98">
        <v>2.591262344585094E-4</v>
      </c>
      <c r="W20" s="94">
        <v>2.0816893447169447E-2</v>
      </c>
    </row>
    <row r="21" spans="1:45">
      <c r="A21" s="49" t="s">
        <v>449</v>
      </c>
      <c r="B21" s="103">
        <v>77</v>
      </c>
      <c r="C21" s="104">
        <v>4.8530701847000808</v>
      </c>
      <c r="D21" s="105">
        <v>0.3528</v>
      </c>
      <c r="E21" s="96">
        <v>0.16947351839767266</v>
      </c>
      <c r="F21" s="97">
        <v>8.6431512704610663E-2</v>
      </c>
      <c r="G21" s="96">
        <v>0.16677258909714962</v>
      </c>
      <c r="H21" s="97">
        <v>8.5967454963883361E-2</v>
      </c>
      <c r="I21" s="96">
        <v>0.60339330156202642</v>
      </c>
      <c r="J21" s="97">
        <v>0.10894320080952651</v>
      </c>
      <c r="K21" s="96">
        <v>6.036059094315023E-2</v>
      </c>
      <c r="L21" s="97">
        <v>6.0994029505397396E-2</v>
      </c>
      <c r="M21" s="95">
        <v>77</v>
      </c>
      <c r="N21" s="104">
        <v>4.9000000000000004</v>
      </c>
      <c r="O21" s="105">
        <v>0.41159999999999997</v>
      </c>
      <c r="P21" s="96">
        <v>0.20843604838944266</v>
      </c>
      <c r="Q21" s="97">
        <v>9.2477333126142244E-2</v>
      </c>
      <c r="R21" s="96">
        <v>0.16577964627368566</v>
      </c>
      <c r="S21" s="97">
        <v>8.5795268506211442E-2</v>
      </c>
      <c r="T21" s="96">
        <v>0.60940682434637172</v>
      </c>
      <c r="U21" s="97">
        <v>0.10868079076513742</v>
      </c>
      <c r="V21" s="96">
        <v>1.6377480990498568E-2</v>
      </c>
      <c r="W21" s="97">
        <v>4.3681903432348422E-2</v>
      </c>
    </row>
    <row r="22" spans="1:45">
      <c r="A22" s="57" t="s">
        <v>450</v>
      </c>
      <c r="B22" s="99">
        <v>113</v>
      </c>
      <c r="C22" s="100">
        <v>5.4118269523358542</v>
      </c>
      <c r="D22" s="101">
        <v>0.27440000000000003</v>
      </c>
      <c r="E22" s="93">
        <v>7.1664356063324247E-2</v>
      </c>
      <c r="F22" s="94">
        <v>5.192341019002833E-2</v>
      </c>
      <c r="G22" s="93">
        <v>8.6583737196806662E-2</v>
      </c>
      <c r="H22" s="94">
        <v>5.564649910457032E-2</v>
      </c>
      <c r="I22" s="93">
        <v>0.73948908110205269</v>
      </c>
      <c r="J22" s="94">
        <v>8.1963021265739816E-2</v>
      </c>
      <c r="K22" s="93">
        <v>0.10226282563781595</v>
      </c>
      <c r="L22" s="94">
        <v>5.9178704041937064E-2</v>
      </c>
      <c r="M22" s="92">
        <v>112</v>
      </c>
      <c r="N22" s="100">
        <v>5.9</v>
      </c>
      <c r="O22" s="101">
        <v>0.25480000000000003</v>
      </c>
      <c r="P22" s="93">
        <v>7.1713276938183856E-2</v>
      </c>
      <c r="Q22" s="94">
        <v>5.219416190010804E-2</v>
      </c>
      <c r="R22" s="93">
        <v>6.8058716381561066E-2</v>
      </c>
      <c r="S22" s="94">
        <v>5.121691625579082E-2</v>
      </c>
      <c r="T22" s="93">
        <v>0.86022800668025523</v>
      </c>
      <c r="U22" s="94">
        <v>6.6703342730444926E-2</v>
      </c>
      <c r="V22" s="93">
        <v>0</v>
      </c>
      <c r="W22" s="94">
        <v>2.4171880321350918E-2</v>
      </c>
    </row>
    <row r="23" spans="1:45">
      <c r="A23" s="49" t="s">
        <v>443</v>
      </c>
      <c r="B23" s="103">
        <v>74</v>
      </c>
      <c r="C23" s="104">
        <v>5.6342004149138223</v>
      </c>
      <c r="D23" s="105">
        <v>0.3528</v>
      </c>
      <c r="E23" s="96">
        <v>5.9332236196900805E-2</v>
      </c>
      <c r="F23" s="97">
        <v>6.2107418367871828E-2</v>
      </c>
      <c r="G23" s="96">
        <v>4.0833850340084209E-2</v>
      </c>
      <c r="H23" s="97">
        <v>5.5578976285663842E-2</v>
      </c>
      <c r="I23" s="96">
        <v>0.78716767561209611</v>
      </c>
      <c r="J23" s="97">
        <v>9.4942852364659991E-2</v>
      </c>
      <c r="K23" s="96">
        <v>0.11266623785091885</v>
      </c>
      <c r="L23" s="97">
        <v>7.6783223759394753E-2</v>
      </c>
      <c r="M23" s="95">
        <v>73</v>
      </c>
      <c r="N23" s="104">
        <v>6.1</v>
      </c>
      <c r="O23" s="105">
        <v>0.3528</v>
      </c>
      <c r="P23" s="96">
        <v>5.3948110733544337E-2</v>
      </c>
      <c r="Q23" s="97">
        <v>6.0805074535527706E-2</v>
      </c>
      <c r="R23" s="96">
        <v>7.0252313635685071E-2</v>
      </c>
      <c r="S23" s="97">
        <v>6.6060339257795433E-2</v>
      </c>
      <c r="T23" s="96">
        <v>0.8757995756307706</v>
      </c>
      <c r="U23" s="97">
        <v>7.9956588519588229E-2</v>
      </c>
      <c r="V23" s="96">
        <v>0</v>
      </c>
      <c r="W23" s="97">
        <v>3.6252631573966396E-2</v>
      </c>
    </row>
    <row r="24" spans="1:45">
      <c r="A24" s="57" t="s">
        <v>451</v>
      </c>
      <c r="B24" s="99">
        <v>127</v>
      </c>
      <c r="C24" s="100">
        <v>5.3190454066743751</v>
      </c>
      <c r="D24" s="101">
        <v>0.25480000000000003</v>
      </c>
      <c r="E24" s="93">
        <v>0.13992274003098043</v>
      </c>
      <c r="F24" s="94">
        <v>6.2551690777268201E-2</v>
      </c>
      <c r="G24" s="93">
        <v>0.12797546850248556</v>
      </c>
      <c r="H24" s="94">
        <v>6.0512002473754961E-2</v>
      </c>
      <c r="I24" s="93">
        <v>0.71223375388318677</v>
      </c>
      <c r="J24" s="94">
        <v>7.9629977396777699E-2</v>
      </c>
      <c r="K24" s="93">
        <v>1.9868037583347015E-2</v>
      </c>
      <c r="L24" s="94">
        <v>3.190459746882026E-2</v>
      </c>
      <c r="M24" s="92">
        <v>127</v>
      </c>
      <c r="N24" s="100">
        <v>4.9000000000000004</v>
      </c>
      <c r="O24" s="101">
        <v>0.29399999999999998</v>
      </c>
      <c r="P24" s="93">
        <v>0.21011823224891157</v>
      </c>
      <c r="Q24" s="94">
        <v>7.2263703948120345E-2</v>
      </c>
      <c r="R24" s="93">
        <v>0.14346252038737239</v>
      </c>
      <c r="S24" s="94">
        <v>6.3130906644149318E-2</v>
      </c>
      <c r="T24" s="93">
        <v>0.63509163855711814</v>
      </c>
      <c r="U24" s="94">
        <v>8.4319950949803157E-2</v>
      </c>
      <c r="V24" s="93">
        <v>1.1327608806597262E-2</v>
      </c>
      <c r="W24" s="94">
        <v>2.7936623080984456E-2</v>
      </c>
    </row>
    <row r="32" spans="1:45" ht="21" customHeight="1">
      <c r="A32" s="316" t="s">
        <v>34</v>
      </c>
      <c r="B32" s="316"/>
      <c r="C32" s="316"/>
      <c r="D32" s="316"/>
      <c r="E32" s="316"/>
      <c r="F32" s="316"/>
      <c r="G32" s="316"/>
      <c r="H32" s="316"/>
      <c r="I32" s="316"/>
      <c r="J32" s="316"/>
      <c r="K32" s="316"/>
      <c r="L32" s="316"/>
      <c r="M32" s="316"/>
      <c r="N32" s="316"/>
      <c r="O32" s="316"/>
      <c r="P32" s="316"/>
      <c r="Q32" s="316"/>
      <c r="R32" s="316"/>
      <c r="S32" s="316"/>
      <c r="T32" s="316"/>
      <c r="U32" s="316"/>
      <c r="V32" s="316"/>
      <c r="W32" s="316"/>
      <c r="X32" s="316"/>
      <c r="Y32" s="316"/>
      <c r="Z32" s="316"/>
      <c r="AA32" s="316"/>
      <c r="AB32" s="316"/>
      <c r="AC32" s="316"/>
      <c r="AD32" s="316"/>
      <c r="AE32" s="316"/>
      <c r="AF32" s="316"/>
      <c r="AG32" s="316"/>
      <c r="AH32" s="316"/>
      <c r="AI32" s="316"/>
      <c r="AJ32" s="316"/>
      <c r="AK32" s="316"/>
      <c r="AL32" s="316"/>
      <c r="AM32" s="316"/>
      <c r="AN32" s="316"/>
      <c r="AO32" s="316"/>
      <c r="AP32" s="316"/>
      <c r="AQ32" s="316"/>
      <c r="AR32" s="316"/>
      <c r="AS32" s="316"/>
    </row>
    <row r="33" spans="1:45" ht="73.5" customHeight="1">
      <c r="A33" s="340" t="s">
        <v>381</v>
      </c>
      <c r="B33" s="340"/>
      <c r="C33" s="340"/>
      <c r="D33" s="340"/>
      <c r="E33" s="340"/>
      <c r="F33" s="340"/>
      <c r="G33" s="340"/>
      <c r="H33" s="340"/>
      <c r="I33" s="340"/>
      <c r="J33" s="340"/>
      <c r="K33" s="340"/>
      <c r="L33" s="340"/>
      <c r="M33" s="340"/>
      <c r="N33" s="340"/>
      <c r="O33" s="340"/>
      <c r="P33" s="340"/>
      <c r="Q33" s="340"/>
      <c r="R33" s="340"/>
      <c r="S33" s="340"/>
      <c r="T33" s="340"/>
      <c r="U33" s="340"/>
      <c r="V33" s="340"/>
      <c r="W33" s="340"/>
      <c r="X33" s="340"/>
      <c r="Y33" s="340"/>
      <c r="Z33" s="340"/>
      <c r="AA33" s="340"/>
      <c r="AB33" s="340"/>
      <c r="AC33" s="340"/>
      <c r="AD33" s="340"/>
      <c r="AE33" s="340"/>
      <c r="AF33" s="340"/>
      <c r="AG33" s="340"/>
      <c r="AH33" s="340"/>
      <c r="AI33" s="340"/>
      <c r="AJ33" s="340"/>
      <c r="AK33" s="340"/>
      <c r="AL33" s="340"/>
      <c r="AM33" s="340"/>
      <c r="AN33" s="340"/>
      <c r="AO33" s="340"/>
      <c r="AP33" s="340"/>
      <c r="AQ33" s="340"/>
      <c r="AR33" s="340"/>
      <c r="AS33" s="340"/>
    </row>
    <row r="34" spans="1:45" ht="37.5" customHeight="1">
      <c r="A34" s="64"/>
      <c r="B34" s="335" t="s">
        <v>105</v>
      </c>
      <c r="C34" s="336"/>
      <c r="D34" s="336"/>
      <c r="E34" s="336"/>
      <c r="F34" s="336"/>
      <c r="G34" s="336"/>
      <c r="H34" s="336"/>
      <c r="I34" s="336"/>
      <c r="J34" s="336"/>
      <c r="K34" s="336"/>
      <c r="L34" s="337"/>
      <c r="M34" s="335" t="s">
        <v>106</v>
      </c>
      <c r="N34" s="336"/>
      <c r="O34" s="336"/>
      <c r="P34" s="336"/>
      <c r="Q34" s="336"/>
      <c r="R34" s="336"/>
      <c r="S34" s="336"/>
      <c r="T34" s="336"/>
      <c r="U34" s="336"/>
      <c r="V34" s="336"/>
      <c r="W34" s="337"/>
      <c r="X34" s="332" t="s">
        <v>107</v>
      </c>
      <c r="Y34" s="333"/>
      <c r="Z34" s="333"/>
      <c r="AA34" s="333"/>
      <c r="AB34" s="333"/>
      <c r="AC34" s="333"/>
      <c r="AD34" s="333"/>
      <c r="AE34" s="333"/>
      <c r="AF34" s="333"/>
      <c r="AG34" s="333"/>
      <c r="AH34" s="334"/>
      <c r="AI34" s="332" t="s">
        <v>108</v>
      </c>
      <c r="AJ34" s="333"/>
      <c r="AK34" s="333"/>
      <c r="AL34" s="333"/>
      <c r="AM34" s="333"/>
      <c r="AN34" s="333"/>
      <c r="AO34" s="333"/>
      <c r="AP34" s="333"/>
      <c r="AQ34" s="333"/>
      <c r="AR34" s="333"/>
      <c r="AS34" s="334"/>
    </row>
    <row r="35" spans="1:45" ht="72">
      <c r="A35" s="37" t="s">
        <v>85</v>
      </c>
      <c r="B35" s="38" t="s">
        <v>86</v>
      </c>
      <c r="C35" s="39" t="s">
        <v>87</v>
      </c>
      <c r="D35" s="40" t="s">
        <v>88</v>
      </c>
      <c r="E35" s="38" t="s">
        <v>184</v>
      </c>
      <c r="F35" s="89" t="s">
        <v>109</v>
      </c>
      <c r="G35" s="38" t="s">
        <v>185</v>
      </c>
      <c r="H35" s="89" t="s">
        <v>110</v>
      </c>
      <c r="I35" s="38" t="s">
        <v>186</v>
      </c>
      <c r="J35" s="89" t="s">
        <v>111</v>
      </c>
      <c r="K35" s="38" t="s">
        <v>356</v>
      </c>
      <c r="L35" s="89" t="s">
        <v>355</v>
      </c>
      <c r="M35" s="65" t="s">
        <v>86</v>
      </c>
      <c r="N35" s="66" t="s">
        <v>87</v>
      </c>
      <c r="O35" s="67" t="s">
        <v>88</v>
      </c>
      <c r="P35" s="65" t="s">
        <v>187</v>
      </c>
      <c r="Q35" s="88" t="s">
        <v>112</v>
      </c>
      <c r="R35" s="65" t="s">
        <v>188</v>
      </c>
      <c r="S35" s="88" t="s">
        <v>113</v>
      </c>
      <c r="T35" s="65" t="s">
        <v>189</v>
      </c>
      <c r="U35" s="88" t="s">
        <v>114</v>
      </c>
      <c r="V35" s="65" t="s">
        <v>356</v>
      </c>
      <c r="W35" s="88" t="s">
        <v>355</v>
      </c>
      <c r="X35" s="38" t="s">
        <v>86</v>
      </c>
      <c r="Y35" s="39" t="s">
        <v>87</v>
      </c>
      <c r="Z35" s="40" t="s">
        <v>88</v>
      </c>
      <c r="AA35" s="38" t="s">
        <v>190</v>
      </c>
      <c r="AB35" s="89" t="s">
        <v>115</v>
      </c>
      <c r="AC35" s="38" t="s">
        <v>191</v>
      </c>
      <c r="AD35" s="89" t="s">
        <v>116</v>
      </c>
      <c r="AE35" s="38" t="s">
        <v>192</v>
      </c>
      <c r="AF35" s="89" t="s">
        <v>117</v>
      </c>
      <c r="AG35" s="38" t="s">
        <v>356</v>
      </c>
      <c r="AH35" s="89" t="s">
        <v>355</v>
      </c>
      <c r="AI35" s="65" t="s">
        <v>86</v>
      </c>
      <c r="AJ35" s="66" t="s">
        <v>87</v>
      </c>
      <c r="AK35" s="67" t="s">
        <v>88</v>
      </c>
      <c r="AL35" s="65" t="s">
        <v>193</v>
      </c>
      <c r="AM35" s="88" t="s">
        <v>118</v>
      </c>
      <c r="AN35" s="65" t="s">
        <v>194</v>
      </c>
      <c r="AO35" s="88" t="s">
        <v>119</v>
      </c>
      <c r="AP35" s="65" t="s">
        <v>195</v>
      </c>
      <c r="AQ35" s="88" t="s">
        <v>120</v>
      </c>
      <c r="AR35" s="65" t="s">
        <v>356</v>
      </c>
      <c r="AS35" s="88" t="s">
        <v>355</v>
      </c>
    </row>
    <row r="36" spans="1:45" ht="93" customHeight="1">
      <c r="A36" s="41"/>
      <c r="B36" s="42" t="s">
        <v>89</v>
      </c>
      <c r="C36" s="43" t="s">
        <v>121</v>
      </c>
      <c r="D36" s="44" t="s">
        <v>91</v>
      </c>
      <c r="E36" s="42" t="s">
        <v>181</v>
      </c>
      <c r="F36" s="91" t="s">
        <v>104</v>
      </c>
      <c r="G36" s="42" t="s">
        <v>182</v>
      </c>
      <c r="H36" s="91" t="s">
        <v>104</v>
      </c>
      <c r="I36" s="42" t="s">
        <v>183</v>
      </c>
      <c r="J36" s="91" t="s">
        <v>104</v>
      </c>
      <c r="K36" s="42" t="s">
        <v>356</v>
      </c>
      <c r="L36" s="91" t="s">
        <v>104</v>
      </c>
      <c r="M36" s="68" t="s">
        <v>89</v>
      </c>
      <c r="N36" s="69" t="s">
        <v>121</v>
      </c>
      <c r="O36" s="70" t="s">
        <v>91</v>
      </c>
      <c r="P36" s="68" t="s">
        <v>181</v>
      </c>
      <c r="Q36" s="90" t="s">
        <v>104</v>
      </c>
      <c r="R36" s="68" t="s">
        <v>182</v>
      </c>
      <c r="S36" s="90" t="s">
        <v>104</v>
      </c>
      <c r="T36" s="68" t="s">
        <v>183</v>
      </c>
      <c r="U36" s="90" t="s">
        <v>104</v>
      </c>
      <c r="V36" s="68" t="s">
        <v>356</v>
      </c>
      <c r="W36" s="90" t="s">
        <v>104</v>
      </c>
      <c r="X36" s="42" t="s">
        <v>89</v>
      </c>
      <c r="Y36" s="43" t="s">
        <v>121</v>
      </c>
      <c r="Z36" s="44" t="s">
        <v>91</v>
      </c>
      <c r="AA36" s="42" t="s">
        <v>181</v>
      </c>
      <c r="AB36" s="91" t="s">
        <v>104</v>
      </c>
      <c r="AC36" s="42" t="s">
        <v>182</v>
      </c>
      <c r="AD36" s="91" t="s">
        <v>104</v>
      </c>
      <c r="AE36" s="42" t="s">
        <v>183</v>
      </c>
      <c r="AF36" s="91" t="s">
        <v>104</v>
      </c>
      <c r="AG36" s="42" t="s">
        <v>356</v>
      </c>
      <c r="AH36" s="91" t="s">
        <v>104</v>
      </c>
      <c r="AI36" s="68" t="s">
        <v>89</v>
      </c>
      <c r="AJ36" s="69" t="s">
        <v>121</v>
      </c>
      <c r="AK36" s="70" t="s">
        <v>91</v>
      </c>
      <c r="AL36" s="68" t="s">
        <v>181</v>
      </c>
      <c r="AM36" s="90" t="s">
        <v>104</v>
      </c>
      <c r="AN36" s="68" t="s">
        <v>182</v>
      </c>
      <c r="AO36" s="90" t="s">
        <v>104</v>
      </c>
      <c r="AP36" s="68" t="s">
        <v>183</v>
      </c>
      <c r="AQ36" s="90" t="s">
        <v>104</v>
      </c>
      <c r="AR36" s="68" t="s">
        <v>356</v>
      </c>
      <c r="AS36" s="90" t="s">
        <v>104</v>
      </c>
    </row>
    <row r="37" spans="1:45">
      <c r="A37" s="45" t="s">
        <v>435</v>
      </c>
      <c r="B37" s="99">
        <v>8579</v>
      </c>
      <c r="C37" s="100">
        <v>4.5</v>
      </c>
      <c r="D37" s="101">
        <v>3.9199999999999999E-2</v>
      </c>
      <c r="E37" s="102">
        <v>0.217</v>
      </c>
      <c r="F37" s="94">
        <v>8.9005438874569607E-3</v>
      </c>
      <c r="G37" s="102">
        <v>0.24399999999999999</v>
      </c>
      <c r="H37" s="94">
        <v>9.2733815502201253E-3</v>
      </c>
      <c r="I37" s="102">
        <v>0.52</v>
      </c>
      <c r="J37" s="94">
        <v>1.0785320473258423E-2</v>
      </c>
      <c r="K37" s="93">
        <v>1.9E-2</v>
      </c>
      <c r="L37" s="94">
        <v>2.9642788130103989E-3</v>
      </c>
      <c r="M37" s="99">
        <v>8573</v>
      </c>
      <c r="N37" s="100">
        <v>4.7</v>
      </c>
      <c r="O37" s="101">
        <v>3.9199999999999999E-2</v>
      </c>
      <c r="P37" s="102">
        <v>0.157</v>
      </c>
      <c r="Q37" s="94">
        <v>7.8596974369174438E-3</v>
      </c>
      <c r="R37" s="102">
        <v>0.248</v>
      </c>
      <c r="S37" s="94">
        <v>9.3275157526843833E-3</v>
      </c>
      <c r="T37" s="102">
        <v>0.57799999999999996</v>
      </c>
      <c r="U37" s="94">
        <v>1.0665653882230933E-2</v>
      </c>
      <c r="V37" s="93">
        <v>1.7000000000000001E-2</v>
      </c>
      <c r="W37" s="94">
        <v>2.8097785764018457E-3</v>
      </c>
      <c r="X37" s="99">
        <v>8549</v>
      </c>
      <c r="Y37" s="100">
        <v>4.0999999999999996</v>
      </c>
      <c r="Z37" s="101">
        <v>3.9199999999999999E-2</v>
      </c>
      <c r="AA37" s="102">
        <v>0.151</v>
      </c>
      <c r="AB37" s="94">
        <v>7.746507017582273E-3</v>
      </c>
      <c r="AC37" s="102">
        <v>0.248</v>
      </c>
      <c r="AD37" s="94">
        <v>9.3405974024513751E-3</v>
      </c>
      <c r="AE37" s="102">
        <v>0.58599999999999997</v>
      </c>
      <c r="AF37" s="94">
        <v>1.0651871744154428E-2</v>
      </c>
      <c r="AG37" s="93">
        <v>1.4999999999999999E-2</v>
      </c>
      <c r="AH37" s="94">
        <v>2.6481555205133981E-3</v>
      </c>
      <c r="AI37" s="99">
        <v>8542</v>
      </c>
      <c r="AJ37" s="100">
        <v>4.8</v>
      </c>
      <c r="AK37" s="101">
        <v>3.9199999999999999E-2</v>
      </c>
      <c r="AL37" s="102">
        <v>0.28199999999999997</v>
      </c>
      <c r="AM37" s="94">
        <v>9.7360550885938011E-3</v>
      </c>
      <c r="AN37" s="102">
        <v>0.26300000000000001</v>
      </c>
      <c r="AO37" s="94">
        <v>9.5261859184403042E-3</v>
      </c>
      <c r="AP37" s="102">
        <v>0.38900000000000001</v>
      </c>
      <c r="AQ37" s="94">
        <v>1.0547620410977942E-2</v>
      </c>
      <c r="AR37" s="93">
        <v>6.6000000000000003E-2</v>
      </c>
      <c r="AS37" s="94">
        <v>5.3791547440763463E-3</v>
      </c>
    </row>
    <row r="38" spans="1:45">
      <c r="A38" s="49" t="s">
        <v>436</v>
      </c>
      <c r="B38" s="103">
        <v>8696</v>
      </c>
      <c r="C38" s="104">
        <v>4.4594611108365676</v>
      </c>
      <c r="D38" s="105">
        <v>3.9199999999999999E-2</v>
      </c>
      <c r="E38" s="106">
        <v>0.23499999999999999</v>
      </c>
      <c r="F38" s="97">
        <v>9.0931213074317858E-3</v>
      </c>
      <c r="G38" s="106">
        <v>0.24199999999999999</v>
      </c>
      <c r="H38" s="97">
        <v>9.1851252615988647E-3</v>
      </c>
      <c r="I38" s="106">
        <v>0.505</v>
      </c>
      <c r="J38" s="97">
        <v>1.072058977154507E-2</v>
      </c>
      <c r="K38" s="96">
        <v>1.9E-2</v>
      </c>
      <c r="L38" s="97">
        <v>2.9440527887616471E-3</v>
      </c>
      <c r="M38" s="103">
        <v>8886</v>
      </c>
      <c r="N38" s="104">
        <v>4.7</v>
      </c>
      <c r="O38" s="105">
        <v>3.9199999999999999E-2</v>
      </c>
      <c r="P38" s="106">
        <v>0.16900000000000001</v>
      </c>
      <c r="Q38" s="97">
        <v>7.9519810379309573E-3</v>
      </c>
      <c r="R38" s="106">
        <v>0.245</v>
      </c>
      <c r="S38" s="97">
        <v>9.1243996556466256E-3</v>
      </c>
      <c r="T38" s="106">
        <v>0.56999999999999995</v>
      </c>
      <c r="U38" s="97">
        <v>1.050158075747489E-2</v>
      </c>
      <c r="V38" s="96">
        <v>1.6E-2</v>
      </c>
      <c r="W38" s="97">
        <v>2.679317662789837E-3</v>
      </c>
      <c r="X38" s="103">
        <v>7949</v>
      </c>
      <c r="Y38" s="104">
        <v>4.0999999999999996</v>
      </c>
      <c r="Z38" s="105">
        <v>3.9199999999999999E-2</v>
      </c>
      <c r="AA38" s="106">
        <v>0.152</v>
      </c>
      <c r="AB38" s="97">
        <v>8.0554406463226938E-3</v>
      </c>
      <c r="AC38" s="106">
        <v>0.251</v>
      </c>
      <c r="AD38" s="97">
        <v>9.7255524671177353E-3</v>
      </c>
      <c r="AE38" s="106">
        <v>0.58499999999999996</v>
      </c>
      <c r="AF38" s="97">
        <v>1.1050272417136468E-2</v>
      </c>
      <c r="AG38" s="96">
        <v>1.2E-2</v>
      </c>
      <c r="AH38" s="97">
        <v>2.4664723881987986E-3</v>
      </c>
      <c r="AI38" s="103">
        <v>7943</v>
      </c>
      <c r="AJ38" s="104">
        <v>4.8</v>
      </c>
      <c r="AK38" s="105">
        <v>3.1064098662889769E-2</v>
      </c>
      <c r="AL38" s="106">
        <v>0.29799999999999999</v>
      </c>
      <c r="AM38" s="97">
        <v>1.0262370733535442E-2</v>
      </c>
      <c r="AN38" s="106">
        <v>0.26500000000000001</v>
      </c>
      <c r="AO38" s="97">
        <v>9.9027758777084224E-3</v>
      </c>
      <c r="AP38" s="106">
        <v>0.38100000000000001</v>
      </c>
      <c r="AQ38" s="97">
        <v>1.0895554149113808E-2</v>
      </c>
      <c r="AR38" s="96">
        <v>5.7000000000000002E-2</v>
      </c>
      <c r="AS38" s="97">
        <v>5.2109644305612162E-3</v>
      </c>
    </row>
    <row r="39" spans="1:45">
      <c r="A39" s="45" t="s">
        <v>437</v>
      </c>
      <c r="B39" s="99">
        <v>776</v>
      </c>
      <c r="C39" s="100">
        <v>4.4854630000000002</v>
      </c>
      <c r="D39" s="101">
        <v>0.11200224</v>
      </c>
      <c r="E39" s="102">
        <v>0.21099999999999999</v>
      </c>
      <c r="F39" s="94">
        <v>2.9293687879203952E-2</v>
      </c>
      <c r="G39" s="102">
        <v>0.24</v>
      </c>
      <c r="H39" s="94">
        <v>3.0641981889738368E-2</v>
      </c>
      <c r="I39" s="102">
        <v>0.51100000000000001</v>
      </c>
      <c r="J39" s="94">
        <v>3.5797166328443888E-2</v>
      </c>
      <c r="K39" s="93">
        <v>3.7999999999999999E-2</v>
      </c>
      <c r="L39" s="94">
        <v>1.4094835565632262E-2</v>
      </c>
      <c r="M39" s="99">
        <v>775</v>
      </c>
      <c r="N39" s="100">
        <v>4.6161969999999997</v>
      </c>
      <c r="O39" s="101">
        <v>9.871344E-2</v>
      </c>
      <c r="P39" s="102">
        <v>0.17399999999999999</v>
      </c>
      <c r="Q39" s="94">
        <v>2.7268701222223194E-2</v>
      </c>
      <c r="R39" s="102">
        <v>0.246</v>
      </c>
      <c r="S39" s="94">
        <v>3.0916247869434862E-2</v>
      </c>
      <c r="T39" s="102">
        <v>0.54300000000000004</v>
      </c>
      <c r="U39" s="94">
        <v>3.5697339893335706E-2</v>
      </c>
      <c r="V39" s="93">
        <v>3.7999999999999999E-2</v>
      </c>
      <c r="W39" s="94">
        <v>1.4104388338444851E-2</v>
      </c>
      <c r="X39" s="99">
        <v>775</v>
      </c>
      <c r="Y39" s="100">
        <v>4.3922639999999999</v>
      </c>
      <c r="Z39" s="101">
        <v>0.10447388000000001</v>
      </c>
      <c r="AA39" s="102">
        <v>0.191</v>
      </c>
      <c r="AB39" s="94">
        <v>2.8256757126653952E-2</v>
      </c>
      <c r="AC39" s="102">
        <v>0.246</v>
      </c>
      <c r="AD39" s="94">
        <v>3.0916247869434862E-2</v>
      </c>
      <c r="AE39" s="102">
        <v>0.45</v>
      </c>
      <c r="AF39" s="94">
        <v>3.56509686938574E-2</v>
      </c>
      <c r="AG39" s="93">
        <v>0.113</v>
      </c>
      <c r="AH39" s="94">
        <v>2.2859184424296783E-2</v>
      </c>
      <c r="AI39" s="99">
        <v>771</v>
      </c>
      <c r="AJ39" s="100">
        <v>4.6649089999999998</v>
      </c>
      <c r="AK39" s="101">
        <v>0.10943268</v>
      </c>
      <c r="AL39" s="102">
        <v>0.19500000000000001</v>
      </c>
      <c r="AM39" s="94">
        <v>2.8550602952036635E-2</v>
      </c>
      <c r="AN39" s="102">
        <v>0.217</v>
      </c>
      <c r="AO39" s="94">
        <v>2.9685281825217638E-2</v>
      </c>
      <c r="AP39" s="102">
        <v>0.55100000000000005</v>
      </c>
      <c r="AQ39" s="94">
        <v>3.5735644426145609E-2</v>
      </c>
      <c r="AR39" s="93">
        <v>3.6999999999999998E-2</v>
      </c>
      <c r="AS39" s="94">
        <v>1.397474786793693E-2</v>
      </c>
    </row>
    <row r="40" spans="1:45">
      <c r="A40" s="49" t="s">
        <v>438</v>
      </c>
      <c r="B40" s="103">
        <v>891</v>
      </c>
      <c r="C40" s="104">
        <v>4.2</v>
      </c>
      <c r="D40" s="105">
        <v>9.8000000000000004E-2</v>
      </c>
      <c r="E40" s="106">
        <v>0.316</v>
      </c>
      <c r="F40" s="97">
        <v>3.1102350211015518E-2</v>
      </c>
      <c r="G40" s="106">
        <v>0.23300000000000001</v>
      </c>
      <c r="H40" s="97">
        <v>2.8311657085995014E-2</v>
      </c>
      <c r="I40" s="106">
        <v>0.436</v>
      </c>
      <c r="J40" s="97">
        <v>3.3153816600762553E-2</v>
      </c>
      <c r="K40" s="96">
        <v>1.4999999999999999E-2</v>
      </c>
      <c r="L40" s="97">
        <v>8.6838632476719368E-3</v>
      </c>
      <c r="M40" s="103">
        <v>889</v>
      </c>
      <c r="N40" s="104">
        <v>4.7</v>
      </c>
      <c r="O40" s="105">
        <v>9.8000000000000004E-2</v>
      </c>
      <c r="P40" s="106">
        <v>0.21099999999999999</v>
      </c>
      <c r="Q40" s="97">
        <v>2.7368789302877439E-2</v>
      </c>
      <c r="R40" s="106">
        <v>0.20699999999999999</v>
      </c>
      <c r="S40" s="97">
        <v>2.7179331577734629E-2</v>
      </c>
      <c r="T40" s="106">
        <v>0.56599999999999995</v>
      </c>
      <c r="U40" s="97">
        <v>3.3173535784573355E-2</v>
      </c>
      <c r="V40" s="96">
        <v>1.6E-2</v>
      </c>
      <c r="W40" s="97">
        <v>8.9387358350371364E-3</v>
      </c>
      <c r="X40" s="103">
        <v>888</v>
      </c>
      <c r="Y40" s="104">
        <v>3.9</v>
      </c>
      <c r="Z40" s="105">
        <v>9.8000000000000004E-2</v>
      </c>
      <c r="AA40" s="106">
        <v>0.16800000000000001</v>
      </c>
      <c r="AB40" s="97">
        <v>2.5124116972227283E-2</v>
      </c>
      <c r="AC40" s="106">
        <v>0.25800000000000001</v>
      </c>
      <c r="AD40" s="97">
        <v>2.9339520172791404E-2</v>
      </c>
      <c r="AE40" s="106">
        <v>0.56299999999999994</v>
      </c>
      <c r="AF40" s="97">
        <v>3.3218026644734291E-2</v>
      </c>
      <c r="AG40" s="96">
        <v>1.0999999999999999E-2</v>
      </c>
      <c r="AH40" s="97">
        <v>7.6406907153987727E-3</v>
      </c>
      <c r="AI40" s="103">
        <v>888</v>
      </c>
      <c r="AJ40" s="104">
        <v>4.7</v>
      </c>
      <c r="AK40" s="105">
        <v>9.8000000000000004E-2</v>
      </c>
      <c r="AL40" s="106">
        <v>0.35599999999999998</v>
      </c>
      <c r="AM40" s="97">
        <v>3.2076810569266166E-2</v>
      </c>
      <c r="AN40" s="106">
        <v>0.26100000000000001</v>
      </c>
      <c r="AO40" s="97">
        <v>2.9448605935810074E-2</v>
      </c>
      <c r="AP40" s="106">
        <v>0.33600000000000002</v>
      </c>
      <c r="AQ40" s="97">
        <v>3.1647205961975108E-2</v>
      </c>
      <c r="AR40" s="96">
        <v>4.7E-2</v>
      </c>
      <c r="AS40" s="97">
        <v>1.4459982341256101E-2</v>
      </c>
    </row>
    <row r="41" spans="1:45">
      <c r="A41" s="45" t="s">
        <v>439</v>
      </c>
      <c r="B41" s="99">
        <v>818</v>
      </c>
      <c r="C41" s="100">
        <v>4.08</v>
      </c>
      <c r="D41" s="101">
        <v>5.8799999999999998E-2</v>
      </c>
      <c r="E41" s="102">
        <v>0.35</v>
      </c>
      <c r="F41" s="94">
        <v>3.3288420738655372E-2</v>
      </c>
      <c r="G41" s="102">
        <v>0.22600000000000001</v>
      </c>
      <c r="H41" s="94">
        <v>2.9236254606240505E-2</v>
      </c>
      <c r="I41" s="102">
        <v>0.41199999999999998</v>
      </c>
      <c r="J41" s="94">
        <v>3.4339877298139178E-2</v>
      </c>
      <c r="K41" s="93">
        <v>1.2999999999999999E-2</v>
      </c>
      <c r="L41" s="94">
        <v>8.5815390662434092E-3</v>
      </c>
      <c r="M41" s="99">
        <v>820</v>
      </c>
      <c r="N41" s="100">
        <v>4.5999999999999996</v>
      </c>
      <c r="O41" s="101">
        <v>9.8000000000000004E-2</v>
      </c>
      <c r="P41" s="102">
        <v>0.23400000000000001</v>
      </c>
      <c r="Q41" s="94">
        <v>2.9554071237162846E-2</v>
      </c>
      <c r="R41" s="102">
        <v>0.20399999999999999</v>
      </c>
      <c r="S41" s="94">
        <v>2.8149443088407167E-2</v>
      </c>
      <c r="T41" s="102">
        <v>0.54800000000000004</v>
      </c>
      <c r="U41" s="94">
        <v>3.4677313772526058E-2</v>
      </c>
      <c r="V41" s="93">
        <v>1.4999999999999999E-2</v>
      </c>
      <c r="W41" s="94">
        <v>9.0984888351072057E-3</v>
      </c>
      <c r="X41" s="99">
        <v>803</v>
      </c>
      <c r="Y41" s="100">
        <v>3.77</v>
      </c>
      <c r="Z41" s="101">
        <v>0.1176</v>
      </c>
      <c r="AA41" s="102">
        <v>0.38200000000000001</v>
      </c>
      <c r="AB41" s="94">
        <v>3.4217301806303259E-2</v>
      </c>
      <c r="AC41" s="102">
        <v>0.26500000000000001</v>
      </c>
      <c r="AD41" s="94">
        <v>3.1114857211316998E-2</v>
      </c>
      <c r="AE41" s="102">
        <v>0.309</v>
      </c>
      <c r="AF41" s="94">
        <v>3.255952507724643E-2</v>
      </c>
      <c r="AG41" s="93">
        <v>4.4999999999999998E-2</v>
      </c>
      <c r="AH41" s="94">
        <v>1.4938487042379536E-2</v>
      </c>
      <c r="AI41" s="99">
        <v>821</v>
      </c>
      <c r="AJ41" s="100">
        <v>4.71</v>
      </c>
      <c r="AK41" s="101">
        <v>9.8000000000000004E-2</v>
      </c>
      <c r="AL41" s="102">
        <v>0.16900000000000001</v>
      </c>
      <c r="AM41" s="94">
        <v>2.6192650753500267E-2</v>
      </c>
      <c r="AN41" s="102">
        <v>0.26</v>
      </c>
      <c r="AO41" s="94">
        <v>3.0586762151838382E-2</v>
      </c>
      <c r="AP41" s="102">
        <v>0.56200000000000006</v>
      </c>
      <c r="AQ41" s="94">
        <v>3.4549441764556481E-2</v>
      </c>
      <c r="AR41" s="93">
        <v>8.9999999999999993E-3</v>
      </c>
      <c r="AS41" s="94">
        <v>7.3858465356873041E-3</v>
      </c>
    </row>
    <row r="42" spans="1:45">
      <c r="A42" s="49" t="s">
        <v>444</v>
      </c>
      <c r="B42" s="103">
        <v>19</v>
      </c>
      <c r="C42" s="104">
        <v>4.5999999999999996</v>
      </c>
      <c r="D42" s="105">
        <v>0.7056</v>
      </c>
      <c r="E42" s="106">
        <v>0.13500000000000001</v>
      </c>
      <c r="F42" s="97">
        <v>0.16633368287180156</v>
      </c>
      <c r="G42" s="106">
        <v>0.20799999999999999</v>
      </c>
      <c r="H42" s="97">
        <v>0.18264442534599731</v>
      </c>
      <c r="I42" s="106">
        <v>0.65700000000000003</v>
      </c>
      <c r="J42" s="97">
        <v>0.20137744695069434</v>
      </c>
      <c r="K42" s="96">
        <v>0</v>
      </c>
      <c r="L42" s="97">
        <v>0.11750676951168283</v>
      </c>
      <c r="M42" s="103">
        <v>19</v>
      </c>
      <c r="N42" s="104">
        <v>5</v>
      </c>
      <c r="O42" s="105">
        <v>0.82319999999999993</v>
      </c>
      <c r="P42" s="106">
        <v>0.2</v>
      </c>
      <c r="Q42" s="97">
        <v>0.18109917082556612</v>
      </c>
      <c r="R42" s="106">
        <v>6.6000000000000003E-2</v>
      </c>
      <c r="S42" s="97">
        <v>0.14534047736317132</v>
      </c>
      <c r="T42" s="106">
        <v>0.73399999999999999</v>
      </c>
      <c r="U42" s="97">
        <v>0.19230113572728952</v>
      </c>
      <c r="V42" s="96">
        <v>0</v>
      </c>
      <c r="W42" s="97">
        <v>0.11750676951168283</v>
      </c>
      <c r="X42" s="103">
        <v>19</v>
      </c>
      <c r="Y42" s="104">
        <v>4.3</v>
      </c>
      <c r="Z42" s="105">
        <v>0.90160000000000007</v>
      </c>
      <c r="AA42" s="106">
        <v>0.11899999999999999</v>
      </c>
      <c r="AB42" s="97">
        <v>0.16201947267463385</v>
      </c>
      <c r="AC42" s="106">
        <v>0.26200000000000001</v>
      </c>
      <c r="AD42" s="97">
        <v>0.19171764600644439</v>
      </c>
      <c r="AE42" s="106">
        <v>0.61899999999999999</v>
      </c>
      <c r="AF42" s="97">
        <v>0.20444463700409701</v>
      </c>
      <c r="AG42" s="96">
        <v>0</v>
      </c>
      <c r="AH42" s="97">
        <v>0.11750676951168283</v>
      </c>
      <c r="AI42" s="103">
        <v>19</v>
      </c>
      <c r="AJ42" s="104">
        <v>4.5999999999999996</v>
      </c>
      <c r="AK42" s="105">
        <v>0.7056</v>
      </c>
      <c r="AL42" s="106">
        <v>0.2</v>
      </c>
      <c r="AM42" s="97">
        <v>0.18109917082556612</v>
      </c>
      <c r="AN42" s="106">
        <v>6.6000000000000003E-2</v>
      </c>
      <c r="AO42" s="97">
        <v>0.14534047736317132</v>
      </c>
      <c r="AP42" s="106">
        <v>0.53700000000000003</v>
      </c>
      <c r="AQ42" s="97">
        <v>0.20812444750607323</v>
      </c>
      <c r="AR42" s="96">
        <v>0.19700000000000001</v>
      </c>
      <c r="AS42" s="97">
        <v>0.18050544178686367</v>
      </c>
    </row>
    <row r="43" spans="1:45">
      <c r="A43" s="45" t="s">
        <v>445</v>
      </c>
      <c r="B43" s="99">
        <v>264</v>
      </c>
      <c r="C43" s="100">
        <v>4.5</v>
      </c>
      <c r="D43" s="101">
        <v>0.19600000000000001</v>
      </c>
      <c r="E43" s="102">
        <v>0.24299999999999999</v>
      </c>
      <c r="F43" s="94">
        <v>5.2675846006616504E-2</v>
      </c>
      <c r="G43" s="102">
        <v>0.26200000000000001</v>
      </c>
      <c r="H43" s="94">
        <v>5.395330309160077E-2</v>
      </c>
      <c r="I43" s="102">
        <v>0.48399999999999999</v>
      </c>
      <c r="J43" s="94">
        <v>6.1054365883808269E-2</v>
      </c>
      <c r="K43" s="93">
        <v>1.0999999999999999E-2</v>
      </c>
      <c r="L43" s="94">
        <v>1.637420253832346E-2</v>
      </c>
      <c r="M43" s="99">
        <v>264</v>
      </c>
      <c r="N43" s="100">
        <v>4.8</v>
      </c>
      <c r="O43" s="101">
        <v>0.1764</v>
      </c>
      <c r="P43" s="102">
        <v>0.156</v>
      </c>
      <c r="Q43" s="94">
        <v>4.4916183398480532E-2</v>
      </c>
      <c r="R43" s="102">
        <v>0.23200000000000001</v>
      </c>
      <c r="S43" s="94">
        <v>5.1875856403648321E-2</v>
      </c>
      <c r="T43" s="102">
        <v>0.6</v>
      </c>
      <c r="U43" s="94">
        <v>5.9887491504755468E-2</v>
      </c>
      <c r="V43" s="93">
        <v>1.0999999999999999E-2</v>
      </c>
      <c r="W43" s="94">
        <v>1.637420253832346E-2</v>
      </c>
      <c r="X43" s="99">
        <v>262</v>
      </c>
      <c r="Y43" s="100">
        <v>4.0999999999999996</v>
      </c>
      <c r="Z43" s="101">
        <v>0.19600000000000001</v>
      </c>
      <c r="AA43" s="102">
        <v>0.156</v>
      </c>
      <c r="AB43" s="94">
        <v>4.5089087790896633E-2</v>
      </c>
      <c r="AC43" s="102">
        <v>0.33500000000000002</v>
      </c>
      <c r="AD43" s="94">
        <v>5.7984654519632632E-2</v>
      </c>
      <c r="AE43" s="102">
        <v>0.495</v>
      </c>
      <c r="AF43" s="94">
        <v>6.1310959687821152E-2</v>
      </c>
      <c r="AG43" s="93">
        <v>1.4E-2</v>
      </c>
      <c r="AH43" s="94">
        <v>1.7708681986702848E-2</v>
      </c>
      <c r="AI43" s="99">
        <v>262</v>
      </c>
      <c r="AJ43" s="100">
        <v>4.5999999999999996</v>
      </c>
      <c r="AK43" s="101">
        <v>0.1764</v>
      </c>
      <c r="AL43" s="102">
        <v>0.313</v>
      </c>
      <c r="AM43" s="94">
        <v>5.7002148981383921E-2</v>
      </c>
      <c r="AN43" s="102">
        <v>0.30499999999999999</v>
      </c>
      <c r="AO43" s="94">
        <v>5.660973247954515E-2</v>
      </c>
      <c r="AP43" s="102">
        <v>0.35399999999999998</v>
      </c>
      <c r="AQ43" s="94">
        <v>5.8723291806079339E-2</v>
      </c>
      <c r="AR43" s="93">
        <v>2.7E-2</v>
      </c>
      <c r="AS43" s="94">
        <v>2.2259271976078774E-2</v>
      </c>
    </row>
    <row r="44" spans="1:45">
      <c r="A44" s="49" t="s">
        <v>440</v>
      </c>
      <c r="B44" s="103">
        <v>92</v>
      </c>
      <c r="C44" s="104">
        <v>4.2</v>
      </c>
      <c r="D44" s="105">
        <v>0.3332</v>
      </c>
      <c r="E44" s="106">
        <v>0.36899999999999999</v>
      </c>
      <c r="F44" s="97">
        <v>9.8792562542800499E-2</v>
      </c>
      <c r="G44" s="106">
        <v>0.20300000000000001</v>
      </c>
      <c r="H44" s="97">
        <v>8.3911811190628391E-2</v>
      </c>
      <c r="I44" s="106">
        <v>0.41</v>
      </c>
      <c r="J44" s="97">
        <v>0.10053211292500853</v>
      </c>
      <c r="K44" s="96">
        <v>1.7999999999999999E-2</v>
      </c>
      <c r="L44" s="97">
        <v>3.9068845780853928E-2</v>
      </c>
      <c r="M44" s="103">
        <v>93</v>
      </c>
      <c r="N44" s="104">
        <v>4.4000000000000004</v>
      </c>
      <c r="O44" s="105">
        <v>0.31359999999999999</v>
      </c>
      <c r="P44" s="106">
        <v>0.26200000000000001</v>
      </c>
      <c r="Q44" s="97">
        <v>9.0344437584166326E-2</v>
      </c>
      <c r="R44" s="106">
        <v>0.318</v>
      </c>
      <c r="S44" s="97">
        <v>9.5150786236059465E-2</v>
      </c>
      <c r="T44" s="106">
        <v>0.40300000000000002</v>
      </c>
      <c r="U44" s="97">
        <v>9.9762811491562478E-2</v>
      </c>
      <c r="V44" s="96">
        <v>1.7999999999999999E-2</v>
      </c>
      <c r="W44" s="97">
        <v>3.8765313125761029E-2</v>
      </c>
      <c r="X44" s="103">
        <v>92</v>
      </c>
      <c r="Y44" s="104">
        <v>3.7</v>
      </c>
      <c r="Z44" s="105">
        <v>0.31359999999999999</v>
      </c>
      <c r="AA44" s="106">
        <v>4.2000000000000003E-2</v>
      </c>
      <c r="AB44" s="97">
        <v>4.8884285018390719E-2</v>
      </c>
      <c r="AC44" s="106">
        <v>0.48</v>
      </c>
      <c r="AD44" s="97">
        <v>0.1019870577755026</v>
      </c>
      <c r="AE44" s="106">
        <v>0.46</v>
      </c>
      <c r="AF44" s="97">
        <v>0.10176168146613349</v>
      </c>
      <c r="AG44" s="96">
        <v>1.7999999999999999E-2</v>
      </c>
      <c r="AH44" s="97">
        <v>3.9068845780853928E-2</v>
      </c>
      <c r="AI44" s="103">
        <v>92</v>
      </c>
      <c r="AJ44" s="104">
        <v>4.7</v>
      </c>
      <c r="AK44" s="105">
        <v>0.23519999999999999</v>
      </c>
      <c r="AL44" s="106">
        <v>0.47499999999999998</v>
      </c>
      <c r="AM44" s="97">
        <v>0.10194483767048744</v>
      </c>
      <c r="AN44" s="106">
        <v>0.223</v>
      </c>
      <c r="AO44" s="97">
        <v>8.6489853273830353E-2</v>
      </c>
      <c r="AP44" s="106">
        <v>0.28499999999999998</v>
      </c>
      <c r="AQ44" s="97">
        <v>9.2993465630033703E-2</v>
      </c>
      <c r="AR44" s="96">
        <v>1.7999999999999999E-2</v>
      </c>
      <c r="AS44" s="97">
        <v>3.9068845780853928E-2</v>
      </c>
    </row>
    <row r="45" spans="1:45">
      <c r="A45" s="45" t="s">
        <v>441</v>
      </c>
      <c r="B45" s="99">
        <v>81</v>
      </c>
      <c r="C45" s="100">
        <v>5.0999999999999996</v>
      </c>
      <c r="D45" s="101">
        <v>0.27440000000000003</v>
      </c>
      <c r="E45" s="102">
        <v>6.5000000000000002E-2</v>
      </c>
      <c r="F45" s="94">
        <v>6.0649568848477463E-2</v>
      </c>
      <c r="G45" s="102">
        <v>0.223</v>
      </c>
      <c r="H45" s="94">
        <v>9.2118244740357333E-2</v>
      </c>
      <c r="I45" s="102">
        <v>0.69199999999999995</v>
      </c>
      <c r="J45" s="94">
        <v>0.1009423636132513</v>
      </c>
      <c r="K45" s="93">
        <v>1.9E-2</v>
      </c>
      <c r="L45" s="94">
        <v>4.333280045599696E-2</v>
      </c>
      <c r="M45" s="99">
        <v>80</v>
      </c>
      <c r="N45" s="100">
        <v>5.3</v>
      </c>
      <c r="O45" s="101">
        <v>0.27440000000000003</v>
      </c>
      <c r="P45" s="102">
        <v>3.2000000000000001E-2</v>
      </c>
      <c r="Q45" s="94">
        <v>4.9443943974201779E-2</v>
      </c>
      <c r="R45" s="102">
        <v>0.20300000000000001</v>
      </c>
      <c r="S45" s="94">
        <v>8.9971380829232339E-2</v>
      </c>
      <c r="T45" s="102">
        <v>0.746</v>
      </c>
      <c r="U45" s="94">
        <v>9.6389636886572844E-2</v>
      </c>
      <c r="V45" s="93">
        <v>1.9E-2</v>
      </c>
      <c r="W45" s="94">
        <v>4.3724654064610534E-2</v>
      </c>
      <c r="X45" s="99">
        <v>80</v>
      </c>
      <c r="Y45" s="100">
        <v>4.7</v>
      </c>
      <c r="Z45" s="101">
        <v>0.31359999999999999</v>
      </c>
      <c r="AA45" s="102">
        <v>0.03</v>
      </c>
      <c r="AB45" s="94">
        <v>4.8617647299943993E-2</v>
      </c>
      <c r="AC45" s="102">
        <v>0.28599999999999998</v>
      </c>
      <c r="AD45" s="94">
        <v>9.9633059632054516E-2</v>
      </c>
      <c r="AE45" s="102">
        <v>0.68400000000000005</v>
      </c>
      <c r="AF45" s="94">
        <v>0.10218834384589967</v>
      </c>
      <c r="AG45" s="93">
        <v>0</v>
      </c>
      <c r="AH45" s="94">
        <v>3.326848242884628E-2</v>
      </c>
      <c r="AI45" s="99">
        <v>80</v>
      </c>
      <c r="AJ45" s="100">
        <v>5.2</v>
      </c>
      <c r="AK45" s="101">
        <v>0.29399999999999998</v>
      </c>
      <c r="AL45" s="102">
        <v>7.0000000000000007E-2</v>
      </c>
      <c r="AM45" s="94">
        <v>6.2598588692864388E-2</v>
      </c>
      <c r="AN45" s="102">
        <v>0.34699999999999998</v>
      </c>
      <c r="AO45" s="94">
        <v>0.10437280865992223</v>
      </c>
      <c r="AP45" s="102">
        <v>0.52800000000000002</v>
      </c>
      <c r="AQ45" s="94">
        <v>0.10895365744617971</v>
      </c>
      <c r="AR45" s="93">
        <v>5.6000000000000001E-2</v>
      </c>
      <c r="AS45" s="94">
        <v>5.8224457606377511E-2</v>
      </c>
    </row>
    <row r="46" spans="1:45">
      <c r="A46" s="49" t="s">
        <v>442</v>
      </c>
      <c r="B46" s="103">
        <v>67</v>
      </c>
      <c r="C46" s="104">
        <v>4.5999999999999996</v>
      </c>
      <c r="D46" s="105">
        <v>0.37240000000000001</v>
      </c>
      <c r="E46" s="106">
        <v>0.22</v>
      </c>
      <c r="F46" s="97">
        <v>0.10075348896232178</v>
      </c>
      <c r="G46" s="106">
        <v>0.307</v>
      </c>
      <c r="H46" s="97">
        <v>0.11052495558787073</v>
      </c>
      <c r="I46" s="106">
        <v>0.47299999999999998</v>
      </c>
      <c r="J46" s="97">
        <v>0.1185239803437782</v>
      </c>
      <c r="K46" s="96">
        <v>0</v>
      </c>
      <c r="L46" s="97">
        <v>3.9271909274046654E-2</v>
      </c>
      <c r="M46" s="103">
        <v>67</v>
      </c>
      <c r="N46" s="104">
        <v>4.7</v>
      </c>
      <c r="O46" s="105">
        <v>0.3528</v>
      </c>
      <c r="P46" s="106">
        <v>0.17799999999999999</v>
      </c>
      <c r="Q46" s="97">
        <v>9.4248581702776627E-2</v>
      </c>
      <c r="R46" s="106">
        <v>0.223</v>
      </c>
      <c r="S46" s="97">
        <v>0.10116865999175859</v>
      </c>
      <c r="T46" s="106">
        <v>0.59899999999999998</v>
      </c>
      <c r="U46" s="97">
        <v>0.11658817129252513</v>
      </c>
      <c r="V46" s="96">
        <v>0</v>
      </c>
      <c r="W46" s="97">
        <v>3.9271909274046654E-2</v>
      </c>
      <c r="X46" s="103">
        <v>67</v>
      </c>
      <c r="Y46" s="104">
        <v>4.2</v>
      </c>
      <c r="Z46" s="105">
        <v>0.3528</v>
      </c>
      <c r="AA46" s="106">
        <v>0.28899999999999998</v>
      </c>
      <c r="AB46" s="97">
        <v>0.10886201169659723</v>
      </c>
      <c r="AC46" s="106">
        <v>0.21</v>
      </c>
      <c r="AD46" s="97">
        <v>9.9324230813434319E-2</v>
      </c>
      <c r="AE46" s="106">
        <v>0.47599999999999998</v>
      </c>
      <c r="AF46" s="97">
        <v>0.11855635688453432</v>
      </c>
      <c r="AG46" s="96">
        <v>2.5000000000000001E-2</v>
      </c>
      <c r="AH46" s="97">
        <v>5.2584690889942928E-2</v>
      </c>
      <c r="AI46" s="103">
        <v>67</v>
      </c>
      <c r="AJ46" s="104">
        <v>4.3</v>
      </c>
      <c r="AK46" s="105">
        <v>0.3528</v>
      </c>
      <c r="AL46" s="106">
        <v>0.28899999999999998</v>
      </c>
      <c r="AM46" s="97">
        <v>0.10886201169659723</v>
      </c>
      <c r="AN46" s="106">
        <v>0.34399999999999997</v>
      </c>
      <c r="AO46" s="97">
        <v>0.11341779741850204</v>
      </c>
      <c r="AP46" s="106">
        <v>0.34899999999999998</v>
      </c>
      <c r="AQ46" s="97">
        <v>0.11375678453505751</v>
      </c>
      <c r="AR46" s="96">
        <v>1.7000000000000001E-2</v>
      </c>
      <c r="AS46" s="97">
        <v>4.8791959290432875E-2</v>
      </c>
    </row>
    <row r="47" spans="1:45">
      <c r="A47" s="45" t="s">
        <v>446</v>
      </c>
      <c r="B47" s="99">
        <v>91</v>
      </c>
      <c r="C47" s="100">
        <v>4.4000000000000004</v>
      </c>
      <c r="D47" s="101">
        <v>0.31359999999999999</v>
      </c>
      <c r="E47" s="102">
        <v>0.28299999999999997</v>
      </c>
      <c r="F47" s="94">
        <v>9.3311680904720196E-2</v>
      </c>
      <c r="G47" s="102">
        <v>0.159</v>
      </c>
      <c r="H47" s="94">
        <v>7.7678130789276059E-2</v>
      </c>
      <c r="I47" s="102">
        <v>0.53900000000000003</v>
      </c>
      <c r="J47" s="94">
        <v>0.10231106082115843</v>
      </c>
      <c r="K47" s="93">
        <v>0.02</v>
      </c>
      <c r="L47" s="94">
        <v>4.0311231235917983E-2</v>
      </c>
      <c r="M47" s="99">
        <v>91</v>
      </c>
      <c r="N47" s="100">
        <v>4.5</v>
      </c>
      <c r="O47" s="101">
        <v>0.27440000000000003</v>
      </c>
      <c r="P47" s="102">
        <v>0.20200000000000001</v>
      </c>
      <c r="Q47" s="94">
        <v>8.4234458538347476E-2</v>
      </c>
      <c r="R47" s="102">
        <v>0.192</v>
      </c>
      <c r="S47" s="94">
        <v>8.2833089605752613E-2</v>
      </c>
      <c r="T47" s="102">
        <v>0.60599999999999998</v>
      </c>
      <c r="U47" s="94">
        <v>0.10046005117412087</v>
      </c>
      <c r="V47" s="93">
        <v>0</v>
      </c>
      <c r="W47" s="94">
        <v>2.9457850911392545E-2</v>
      </c>
      <c r="X47" s="99">
        <v>90</v>
      </c>
      <c r="Y47" s="100">
        <v>4</v>
      </c>
      <c r="Z47" s="101">
        <v>0.31359999999999999</v>
      </c>
      <c r="AA47" s="102">
        <v>7.2999999999999995E-2</v>
      </c>
      <c r="AB47" s="94">
        <v>5.9379129892712629E-2</v>
      </c>
      <c r="AC47" s="102">
        <v>0.27600000000000002</v>
      </c>
      <c r="AD47" s="94">
        <v>9.3171870577136148E-2</v>
      </c>
      <c r="AE47" s="102">
        <v>0.63200000000000001</v>
      </c>
      <c r="AF47" s="94">
        <v>9.9792837053525388E-2</v>
      </c>
      <c r="AG47" s="93">
        <v>1.9E-2</v>
      </c>
      <c r="AH47" s="94">
        <v>4.0164743385858223E-2</v>
      </c>
      <c r="AI47" s="99">
        <v>91</v>
      </c>
      <c r="AJ47" s="100">
        <v>4.9000000000000004</v>
      </c>
      <c r="AK47" s="101">
        <v>0.27440000000000003</v>
      </c>
      <c r="AL47" s="102">
        <v>0.32900000000000001</v>
      </c>
      <c r="AM47" s="94">
        <v>9.6936128727278859E-2</v>
      </c>
      <c r="AN47" s="102">
        <v>0.29099999999999998</v>
      </c>
      <c r="AO47" s="94">
        <v>9.4014547586502462E-2</v>
      </c>
      <c r="AP47" s="102">
        <v>0.35599999999999998</v>
      </c>
      <c r="AQ47" s="94">
        <v>9.8616413193540253E-2</v>
      </c>
      <c r="AR47" s="93">
        <v>2.4E-2</v>
      </c>
      <c r="AS47" s="94">
        <v>4.2103830668152958E-2</v>
      </c>
    </row>
    <row r="48" spans="1:45">
      <c r="A48" s="49" t="s">
        <v>447</v>
      </c>
      <c r="B48" s="103">
        <v>96</v>
      </c>
      <c r="C48" s="104">
        <v>4.4000000000000004</v>
      </c>
      <c r="D48" s="105">
        <v>0.31359999999999999</v>
      </c>
      <c r="E48" s="106">
        <v>0.22700000000000001</v>
      </c>
      <c r="F48" s="97">
        <v>8.5161980625159256E-2</v>
      </c>
      <c r="G48" s="106">
        <v>0.30399999999999999</v>
      </c>
      <c r="H48" s="97">
        <v>9.2648975040202156E-2</v>
      </c>
      <c r="I48" s="106">
        <v>0.45300000000000001</v>
      </c>
      <c r="J48" s="97">
        <v>9.9592004819664126E-2</v>
      </c>
      <c r="K48" s="96">
        <v>1.6E-2</v>
      </c>
      <c r="L48" s="97">
        <v>3.6937607069218767E-2</v>
      </c>
      <c r="M48" s="103">
        <v>96</v>
      </c>
      <c r="N48" s="104">
        <v>4.8</v>
      </c>
      <c r="O48" s="105">
        <v>0.27440000000000003</v>
      </c>
      <c r="P48" s="106">
        <v>0.23899999999999999</v>
      </c>
      <c r="Q48" s="97">
        <v>8.6537780512328841E-2</v>
      </c>
      <c r="R48" s="106">
        <v>0.108</v>
      </c>
      <c r="S48" s="97">
        <v>6.5843225194396421E-2</v>
      </c>
      <c r="T48" s="106">
        <v>0.65400000000000003</v>
      </c>
      <c r="U48" s="97">
        <v>9.5528704461015274E-2</v>
      </c>
      <c r="V48" s="96">
        <v>0</v>
      </c>
      <c r="W48" s="97">
        <v>2.8000000000000001E-2</v>
      </c>
      <c r="X48" s="103">
        <v>96</v>
      </c>
      <c r="Y48" s="104">
        <v>3.2</v>
      </c>
      <c r="Z48" s="105">
        <v>0.31359999999999999</v>
      </c>
      <c r="AA48" s="106">
        <v>0.186</v>
      </c>
      <c r="AB48" s="97">
        <v>7.9783187802945049E-2</v>
      </c>
      <c r="AC48" s="106">
        <v>0.21</v>
      </c>
      <c r="AD48" s="97">
        <v>8.3064659151771636E-2</v>
      </c>
      <c r="AE48" s="106">
        <v>0.60399999999999998</v>
      </c>
      <c r="AF48" s="97">
        <v>9.7986116241026724E-2</v>
      </c>
      <c r="AG48" s="96">
        <v>0</v>
      </c>
      <c r="AH48" s="97">
        <v>2.8000000000000001E-2</v>
      </c>
      <c r="AI48" s="103">
        <v>96</v>
      </c>
      <c r="AJ48" s="104">
        <v>4.7</v>
      </c>
      <c r="AK48" s="105">
        <v>0.25480000000000003</v>
      </c>
      <c r="AL48" s="106">
        <v>0.51800000000000002</v>
      </c>
      <c r="AM48" s="97">
        <v>9.9940262477141814E-2</v>
      </c>
      <c r="AN48" s="106">
        <v>0.24399999999999999</v>
      </c>
      <c r="AO48" s="97">
        <v>8.7086628686612974E-2</v>
      </c>
      <c r="AP48" s="106">
        <v>0.20399999999999999</v>
      </c>
      <c r="AQ48" s="97">
        <v>8.2280761882714715E-2</v>
      </c>
      <c r="AR48" s="96">
        <v>3.3000000000000002E-2</v>
      </c>
      <c r="AS48" s="97">
        <v>4.4276033065305212E-2</v>
      </c>
    </row>
    <row r="49" spans="1:45" ht="25.5">
      <c r="A49" s="45" t="s">
        <v>448</v>
      </c>
      <c r="B49" s="83">
        <v>127</v>
      </c>
      <c r="C49" s="84">
        <v>3.9</v>
      </c>
      <c r="D49" s="85">
        <v>0.27440000000000003</v>
      </c>
      <c r="E49" s="98">
        <v>0.41199999999999998</v>
      </c>
      <c r="F49" s="94">
        <v>8.6089194991614826E-2</v>
      </c>
      <c r="G49" s="98">
        <v>0.2</v>
      </c>
      <c r="H49" s="94">
        <v>7.1068673811438582E-2</v>
      </c>
      <c r="I49" s="98">
        <v>0.38100000000000001</v>
      </c>
      <c r="J49" s="94">
        <v>8.5012902645849306E-2</v>
      </c>
      <c r="K49" s="98">
        <v>8.0000000000000002E-3</v>
      </c>
      <c r="L49" s="94">
        <v>2.6206954850931417E-2</v>
      </c>
      <c r="M49" s="83">
        <v>126</v>
      </c>
      <c r="N49" s="84">
        <v>4.8</v>
      </c>
      <c r="O49" s="85">
        <v>0.25480000000000003</v>
      </c>
      <c r="P49" s="98">
        <v>0.191</v>
      </c>
      <c r="Q49" s="94">
        <v>7.0231344664097556E-2</v>
      </c>
      <c r="R49" s="98">
        <v>0.18099999999999999</v>
      </c>
      <c r="S49" s="94">
        <v>6.8926911928386972E-2</v>
      </c>
      <c r="T49" s="98">
        <v>0.59199999999999997</v>
      </c>
      <c r="U49" s="94">
        <v>8.6299808054697613E-2</v>
      </c>
      <c r="V49" s="98">
        <v>3.5999999999999997E-2</v>
      </c>
      <c r="W49" s="94">
        <v>3.8330206639287358E-2</v>
      </c>
      <c r="X49" s="83">
        <v>127</v>
      </c>
      <c r="Y49" s="84">
        <v>3.7</v>
      </c>
      <c r="Z49" s="85">
        <v>0.29399999999999998</v>
      </c>
      <c r="AA49" s="98">
        <v>0.249</v>
      </c>
      <c r="AB49" s="94">
        <v>7.6325468330518481E-2</v>
      </c>
      <c r="AC49" s="98">
        <v>0.151</v>
      </c>
      <c r="AD49" s="94">
        <v>6.4328277414345242E-2</v>
      </c>
      <c r="AE49" s="98">
        <v>0.60099999999999998</v>
      </c>
      <c r="AF49" s="94">
        <v>8.5678691618080505E-2</v>
      </c>
      <c r="AG49" s="98">
        <v>0</v>
      </c>
      <c r="AH49" s="94">
        <v>2.1425595681499328E-2</v>
      </c>
      <c r="AI49" s="83">
        <v>127</v>
      </c>
      <c r="AJ49" s="84">
        <v>4.7</v>
      </c>
      <c r="AK49" s="85">
        <v>0.27440000000000003</v>
      </c>
      <c r="AL49" s="98">
        <v>0.45</v>
      </c>
      <c r="AM49" s="94">
        <v>8.695885504018562E-2</v>
      </c>
      <c r="AN49" s="98">
        <v>0.19400000000000001</v>
      </c>
      <c r="AO49" s="94">
        <v>7.0330718816199816E-2</v>
      </c>
      <c r="AP49" s="98">
        <v>0.309</v>
      </c>
      <c r="AQ49" s="94">
        <v>8.1158187706569782E-2</v>
      </c>
      <c r="AR49" s="98">
        <v>4.7E-2</v>
      </c>
      <c r="AS49" s="94">
        <v>4.1766900008629669E-2</v>
      </c>
    </row>
    <row r="50" spans="1:45">
      <c r="A50" s="49" t="s">
        <v>449</v>
      </c>
      <c r="B50" s="103">
        <v>76</v>
      </c>
      <c r="C50" s="104">
        <v>3.8</v>
      </c>
      <c r="D50" s="105">
        <v>0.41159999999999997</v>
      </c>
      <c r="E50" s="106">
        <v>0.38400000000000001</v>
      </c>
      <c r="F50" s="97">
        <v>0.10905410583742366</v>
      </c>
      <c r="G50" s="106">
        <v>0.28799999999999998</v>
      </c>
      <c r="H50" s="97">
        <v>0.10233231161270617</v>
      </c>
      <c r="I50" s="106">
        <v>0.28199999999999997</v>
      </c>
      <c r="J50" s="97">
        <v>0.10176187645675565</v>
      </c>
      <c r="K50" s="96">
        <v>4.5999999999999999E-2</v>
      </c>
      <c r="L50" s="97">
        <v>5.655983999270154E-2</v>
      </c>
      <c r="M50" s="103">
        <v>75</v>
      </c>
      <c r="N50" s="104">
        <v>4.5</v>
      </c>
      <c r="O50" s="105">
        <v>0.39200000000000002</v>
      </c>
      <c r="P50" s="106">
        <v>0.26200000000000001</v>
      </c>
      <c r="Q50" s="97">
        <v>0.10036563119251168</v>
      </c>
      <c r="R50" s="106">
        <v>0.26300000000000001</v>
      </c>
      <c r="S50" s="97">
        <v>0.10047356223833591</v>
      </c>
      <c r="T50" s="106">
        <v>0.45900000000000002</v>
      </c>
      <c r="U50" s="97">
        <v>0.11216735197791759</v>
      </c>
      <c r="V50" s="96">
        <v>1.6E-2</v>
      </c>
      <c r="W50" s="97">
        <v>4.4360757213314776E-2</v>
      </c>
      <c r="X50" s="103">
        <v>76</v>
      </c>
      <c r="Y50" s="104">
        <v>3.9</v>
      </c>
      <c r="Z50" s="105">
        <v>0.37240000000000001</v>
      </c>
      <c r="AA50" s="106">
        <v>0.221</v>
      </c>
      <c r="AB50" s="97">
        <v>9.4802029909701824E-2</v>
      </c>
      <c r="AC50" s="106">
        <v>0.32500000000000001</v>
      </c>
      <c r="AD50" s="97">
        <v>0.1054421494232738</v>
      </c>
      <c r="AE50" s="106">
        <v>0.45400000000000001</v>
      </c>
      <c r="AF50" s="97">
        <v>0.11137556060464972</v>
      </c>
      <c r="AG50" s="96">
        <v>0</v>
      </c>
      <c r="AH50" s="97">
        <v>3.4910600109422353E-2</v>
      </c>
      <c r="AI50" s="103">
        <v>76</v>
      </c>
      <c r="AJ50" s="104">
        <v>4.4000000000000004</v>
      </c>
      <c r="AK50" s="105">
        <v>0.3528</v>
      </c>
      <c r="AL50" s="106">
        <v>0.35399999999999998</v>
      </c>
      <c r="AM50" s="97">
        <v>0.10741562037245794</v>
      </c>
      <c r="AN50" s="106">
        <v>0.23499999999999999</v>
      </c>
      <c r="AO50" s="97">
        <v>9.6597602842927732E-2</v>
      </c>
      <c r="AP50" s="106">
        <v>0.378</v>
      </c>
      <c r="AQ50" s="97">
        <v>0.10875826175514208</v>
      </c>
      <c r="AR50" s="96">
        <v>3.3000000000000002E-2</v>
      </c>
      <c r="AS50" s="97">
        <v>5.1562911816537278E-2</v>
      </c>
    </row>
    <row r="51" spans="1:45">
      <c r="A51" s="57" t="s">
        <v>450</v>
      </c>
      <c r="B51" s="99">
        <v>98</v>
      </c>
      <c r="C51" s="100">
        <v>4</v>
      </c>
      <c r="D51" s="101">
        <v>0.3332</v>
      </c>
      <c r="E51" s="102">
        <v>0.34</v>
      </c>
      <c r="F51" s="94">
        <v>9.4218867779474483E-2</v>
      </c>
      <c r="G51" s="102">
        <v>0.23899999999999999</v>
      </c>
      <c r="H51" s="94">
        <v>8.5661683447892517E-2</v>
      </c>
      <c r="I51" s="102">
        <v>0.41</v>
      </c>
      <c r="J51" s="94">
        <v>9.752281530347337E-2</v>
      </c>
      <c r="K51" s="93">
        <v>1.0999999999999999E-2</v>
      </c>
      <c r="L51" s="94">
        <v>3.3877432601215639E-2</v>
      </c>
      <c r="M51" s="99">
        <v>98</v>
      </c>
      <c r="N51" s="100">
        <v>4.5</v>
      </c>
      <c r="O51" s="101">
        <v>0.27440000000000003</v>
      </c>
      <c r="P51" s="102">
        <v>0.22600000000000001</v>
      </c>
      <c r="Q51" s="94">
        <v>8.417928034240614E-2</v>
      </c>
      <c r="R51" s="102">
        <v>0.27600000000000002</v>
      </c>
      <c r="S51" s="94">
        <v>8.937302492130382E-2</v>
      </c>
      <c r="T51" s="102">
        <v>0.45900000000000002</v>
      </c>
      <c r="U51" s="94">
        <v>9.8706985265998248E-2</v>
      </c>
      <c r="V51" s="93">
        <v>3.9E-2</v>
      </c>
      <c r="W51" s="94">
        <v>4.5941345402972525E-2</v>
      </c>
      <c r="X51" s="99">
        <v>98</v>
      </c>
      <c r="Y51" s="100">
        <v>4.2</v>
      </c>
      <c r="Z51" s="101">
        <v>0.31359999999999999</v>
      </c>
      <c r="AA51" s="102">
        <v>0.13100000000000001</v>
      </c>
      <c r="AB51" s="94">
        <v>6.982018815690455E-2</v>
      </c>
      <c r="AC51" s="102">
        <v>0.22600000000000001</v>
      </c>
      <c r="AD51" s="94">
        <v>8.417928034240614E-2</v>
      </c>
      <c r="AE51" s="102">
        <v>0.60899999999999999</v>
      </c>
      <c r="AF51" s="94">
        <v>9.6818522718029584E-2</v>
      </c>
      <c r="AG51" s="93">
        <v>3.4000000000000002E-2</v>
      </c>
      <c r="AH51" s="94">
        <v>4.4077420936562001E-2</v>
      </c>
      <c r="AI51" s="99">
        <v>97</v>
      </c>
      <c r="AJ51" s="100">
        <v>4.9000000000000004</v>
      </c>
      <c r="AK51" s="101">
        <v>0.31359999999999999</v>
      </c>
      <c r="AL51" s="102">
        <v>0.22</v>
      </c>
      <c r="AM51" s="94">
        <v>8.3887461778917607E-2</v>
      </c>
      <c r="AN51" s="102">
        <v>0.29299999999999998</v>
      </c>
      <c r="AO51" s="94">
        <v>9.130034705872378E-2</v>
      </c>
      <c r="AP51" s="102">
        <v>0.375</v>
      </c>
      <c r="AQ51" s="94">
        <v>9.6593076512471635E-2</v>
      </c>
      <c r="AR51" s="93">
        <v>0.113</v>
      </c>
      <c r="AS51" s="94">
        <v>6.6558686188323224E-2</v>
      </c>
    </row>
    <row r="52" spans="1:45">
      <c r="A52" s="49" t="s">
        <v>443</v>
      </c>
      <c r="B52" s="103">
        <v>63</v>
      </c>
      <c r="C52" s="104">
        <v>4</v>
      </c>
      <c r="D52" s="105">
        <v>0.39200000000000002</v>
      </c>
      <c r="E52" s="106">
        <v>0.28899999999999998</v>
      </c>
      <c r="F52" s="97">
        <v>0.1121396398987687</v>
      </c>
      <c r="G52" s="106">
        <v>0.26100000000000001</v>
      </c>
      <c r="H52" s="97">
        <v>0.10913385546526723</v>
      </c>
      <c r="I52" s="106">
        <v>0.433</v>
      </c>
      <c r="J52" s="97">
        <v>0.12119578338559374</v>
      </c>
      <c r="K52" s="96">
        <v>1.7000000000000001E-2</v>
      </c>
      <c r="L52" s="97">
        <v>5.1098323960220467E-2</v>
      </c>
      <c r="M52" s="103">
        <v>63</v>
      </c>
      <c r="N52" s="104">
        <v>4.4000000000000004</v>
      </c>
      <c r="O52" s="105">
        <v>0.37240000000000001</v>
      </c>
      <c r="P52" s="106">
        <v>0.21199999999999999</v>
      </c>
      <c r="Q52" s="97">
        <v>0.10269913354908417</v>
      </c>
      <c r="R52" s="106">
        <v>0.26700000000000002</v>
      </c>
      <c r="S52" s="97">
        <v>0.10981660916158914</v>
      </c>
      <c r="T52" s="106">
        <v>0.47499999999999998</v>
      </c>
      <c r="U52" s="97">
        <v>0.12203434779468446</v>
      </c>
      <c r="V52" s="96">
        <v>4.7E-2</v>
      </c>
      <c r="W52" s="97">
        <v>6.3978609881101975E-2</v>
      </c>
      <c r="X52" s="103">
        <v>63</v>
      </c>
      <c r="Y52" s="104">
        <v>4.0999999999999996</v>
      </c>
      <c r="Z52" s="105">
        <v>0.39200000000000002</v>
      </c>
      <c r="AA52" s="106">
        <v>0.105</v>
      </c>
      <c r="AB52" s="97">
        <v>8.1789221564315229E-2</v>
      </c>
      <c r="AC52" s="106">
        <v>0.253</v>
      </c>
      <c r="AD52" s="97">
        <v>0.10818949773212584</v>
      </c>
      <c r="AE52" s="106">
        <v>0.60799999999999998</v>
      </c>
      <c r="AF52" s="97">
        <v>0.11962307539423919</v>
      </c>
      <c r="AG52" s="96">
        <v>3.4000000000000002E-2</v>
      </c>
      <c r="AH52" s="97">
        <v>5.8844126198048213E-2</v>
      </c>
      <c r="AI52" s="103">
        <v>63</v>
      </c>
      <c r="AJ52" s="104">
        <v>5</v>
      </c>
      <c r="AK52" s="105">
        <v>0.43119999999999997</v>
      </c>
      <c r="AL52" s="106">
        <v>0.26300000000000001</v>
      </c>
      <c r="AM52" s="97">
        <v>0.1093638443044361</v>
      </c>
      <c r="AN52" s="106">
        <v>0.27800000000000002</v>
      </c>
      <c r="AO52" s="97">
        <v>0.11101297364598992</v>
      </c>
      <c r="AP52" s="106">
        <v>0.30499999999999999</v>
      </c>
      <c r="AQ52" s="97">
        <v>0.1136582379646885</v>
      </c>
      <c r="AR52" s="96">
        <v>0.154</v>
      </c>
      <c r="AS52" s="97">
        <v>9.2768930667521801E-2</v>
      </c>
    </row>
    <row r="53" spans="1:45">
      <c r="A53" s="57" t="s">
        <v>451</v>
      </c>
      <c r="B53" s="99">
        <v>122</v>
      </c>
      <c r="C53" s="100">
        <v>4</v>
      </c>
      <c r="D53" s="101">
        <v>0.29399999999999998</v>
      </c>
      <c r="E53" s="102">
        <v>0.36499999999999999</v>
      </c>
      <c r="F53" s="94">
        <v>8.5988883650359421E-2</v>
      </c>
      <c r="G53" s="102">
        <v>0.193</v>
      </c>
      <c r="H53" s="94">
        <v>7.163400769858487E-2</v>
      </c>
      <c r="I53" s="102">
        <v>0.432</v>
      </c>
      <c r="J53" s="94">
        <v>8.8311304923681569E-2</v>
      </c>
      <c r="K53" s="93">
        <v>8.9999999999999993E-3</v>
      </c>
      <c r="L53" s="94">
        <v>2.759271021049815E-2</v>
      </c>
      <c r="M53" s="99">
        <v>122</v>
      </c>
      <c r="N53" s="100">
        <v>4.5</v>
      </c>
      <c r="O53" s="101">
        <v>0.25480000000000003</v>
      </c>
      <c r="P53" s="102">
        <v>0.27500000000000002</v>
      </c>
      <c r="Q53" s="94">
        <v>8.0185947647916242E-2</v>
      </c>
      <c r="R53" s="102">
        <v>0.17899999999999999</v>
      </c>
      <c r="S53" s="94">
        <v>6.9783665689905836E-2</v>
      </c>
      <c r="T53" s="102">
        <v>0.54600000000000004</v>
      </c>
      <c r="U53" s="94">
        <v>8.8732917726346699E-2</v>
      </c>
      <c r="V53" s="93">
        <v>0</v>
      </c>
      <c r="W53" s="94">
        <v>2.226896426705402E-2</v>
      </c>
      <c r="X53" s="99">
        <v>122</v>
      </c>
      <c r="Y53" s="100">
        <v>3.5</v>
      </c>
      <c r="Z53" s="101">
        <v>0.29399999999999998</v>
      </c>
      <c r="AA53" s="102">
        <v>0.14699999999999999</v>
      </c>
      <c r="AB53" s="94">
        <v>6.5021876728088915E-2</v>
      </c>
      <c r="AC53" s="102">
        <v>0.26800000000000002</v>
      </c>
      <c r="AD53" s="94">
        <v>7.9590051310837087E-2</v>
      </c>
      <c r="AE53" s="102">
        <v>0.58499999999999996</v>
      </c>
      <c r="AF53" s="94">
        <v>8.7871921355926877E-2</v>
      </c>
      <c r="AG53" s="93">
        <v>0</v>
      </c>
      <c r="AH53" s="94">
        <v>2.226896426705402E-2</v>
      </c>
      <c r="AI53" s="99">
        <v>122</v>
      </c>
      <c r="AJ53" s="100">
        <v>4.8</v>
      </c>
      <c r="AK53" s="101">
        <v>0.23519999999999999</v>
      </c>
      <c r="AL53" s="102">
        <v>0.40600000000000003</v>
      </c>
      <c r="AM53" s="94">
        <v>8.7598671958324659E-2</v>
      </c>
      <c r="AN53" s="102">
        <v>0.27700000000000002</v>
      </c>
      <c r="AO53" s="94">
        <v>8.0352058559671147E-2</v>
      </c>
      <c r="AP53" s="102">
        <v>0.29799999999999999</v>
      </c>
      <c r="AQ53" s="94">
        <v>8.1988308778984026E-2</v>
      </c>
      <c r="AR53" s="93">
        <v>1.9E-2</v>
      </c>
      <c r="AS53" s="94">
        <v>3.2413704356841648E-2</v>
      </c>
    </row>
    <row r="61" spans="1:45" ht="18.75">
      <c r="A61" s="324" t="s">
        <v>253</v>
      </c>
      <c r="B61" s="324"/>
      <c r="C61" s="324"/>
      <c r="D61" s="324"/>
      <c r="E61" s="324"/>
      <c r="F61" s="324"/>
      <c r="G61" s="324"/>
      <c r="H61" s="324"/>
      <c r="I61" s="324"/>
      <c r="J61" s="324"/>
      <c r="K61" s="324"/>
      <c r="L61" s="324"/>
      <c r="M61" s="324"/>
      <c r="N61" s="324"/>
      <c r="O61" s="324"/>
      <c r="P61" s="324"/>
      <c r="Q61" s="324"/>
      <c r="R61" s="324"/>
      <c r="S61" s="324"/>
      <c r="T61" s="324"/>
      <c r="U61" s="324"/>
      <c r="V61" s="324"/>
      <c r="W61" s="324"/>
    </row>
    <row r="62" spans="1:45" ht="66" customHeight="1">
      <c r="A62" s="331" t="s">
        <v>382</v>
      </c>
      <c r="B62" s="331"/>
      <c r="C62" s="331"/>
      <c r="D62" s="331"/>
      <c r="E62" s="331"/>
      <c r="F62" s="331"/>
      <c r="G62" s="331"/>
      <c r="H62" s="331"/>
      <c r="I62" s="331"/>
      <c r="J62" s="331"/>
      <c r="K62" s="331"/>
      <c r="L62" s="331"/>
      <c r="M62" s="331"/>
      <c r="N62" s="331"/>
      <c r="O62" s="331"/>
      <c r="P62" s="331"/>
      <c r="Q62" s="331"/>
      <c r="R62" s="331"/>
      <c r="S62" s="331"/>
      <c r="T62" s="331"/>
      <c r="U62" s="331"/>
      <c r="V62" s="331"/>
      <c r="W62" s="331"/>
    </row>
    <row r="63" spans="1:45" ht="45.75" customHeight="1">
      <c r="A63" s="107"/>
      <c r="B63" s="328" t="s">
        <v>389</v>
      </c>
      <c r="C63" s="329"/>
      <c r="D63" s="329"/>
      <c r="E63" s="329"/>
      <c r="F63" s="329"/>
      <c r="G63" s="329"/>
      <c r="H63" s="329"/>
      <c r="I63" s="329"/>
      <c r="J63" s="329"/>
      <c r="K63" s="329"/>
      <c r="L63" s="330"/>
      <c r="M63" s="328" t="s">
        <v>254</v>
      </c>
      <c r="N63" s="329"/>
      <c r="O63" s="329"/>
      <c r="P63" s="329"/>
      <c r="Q63" s="329"/>
      <c r="R63" s="329"/>
      <c r="S63" s="329"/>
      <c r="T63" s="329"/>
      <c r="U63" s="329"/>
      <c r="V63" s="329"/>
      <c r="W63" s="329"/>
    </row>
    <row r="64" spans="1:45" ht="66" customHeight="1">
      <c r="A64" s="37" t="s">
        <v>85</v>
      </c>
      <c r="B64" s="38" t="s">
        <v>86</v>
      </c>
      <c r="C64" s="38" t="s">
        <v>87</v>
      </c>
      <c r="D64" s="268" t="s">
        <v>88</v>
      </c>
      <c r="E64" s="38" t="s">
        <v>178</v>
      </c>
      <c r="F64" s="89" t="s">
        <v>101</v>
      </c>
      <c r="G64" s="38" t="s">
        <v>179</v>
      </c>
      <c r="H64" s="89" t="s">
        <v>102</v>
      </c>
      <c r="I64" s="38" t="s">
        <v>180</v>
      </c>
      <c r="J64" s="89" t="s">
        <v>103</v>
      </c>
      <c r="K64" s="38" t="s">
        <v>356</v>
      </c>
      <c r="L64" s="89" t="s">
        <v>355</v>
      </c>
      <c r="M64" s="65" t="s">
        <v>86</v>
      </c>
      <c r="N64" s="65" t="s">
        <v>87</v>
      </c>
      <c r="O64" s="270" t="s">
        <v>88</v>
      </c>
      <c r="P64" s="65" t="s">
        <v>426</v>
      </c>
      <c r="Q64" s="88" t="s">
        <v>427</v>
      </c>
      <c r="R64" s="65" t="s">
        <v>422</v>
      </c>
      <c r="S64" s="88" t="s">
        <v>424</v>
      </c>
      <c r="T64" s="65" t="s">
        <v>428</v>
      </c>
      <c r="U64" s="88" t="s">
        <v>429</v>
      </c>
      <c r="V64" s="65" t="s">
        <v>356</v>
      </c>
      <c r="W64" s="88" t="s">
        <v>370</v>
      </c>
    </row>
    <row r="65" spans="1:23" ht="99.75" customHeight="1">
      <c r="A65" s="41"/>
      <c r="B65" s="42" t="s">
        <v>89</v>
      </c>
      <c r="C65" s="42" t="s">
        <v>357</v>
      </c>
      <c r="D65" s="269" t="s">
        <v>91</v>
      </c>
      <c r="E65" s="42" t="s">
        <v>181</v>
      </c>
      <c r="F65" s="91" t="s">
        <v>104</v>
      </c>
      <c r="G65" s="42" t="s">
        <v>182</v>
      </c>
      <c r="H65" s="91" t="s">
        <v>104</v>
      </c>
      <c r="I65" s="42" t="s">
        <v>183</v>
      </c>
      <c r="J65" s="91" t="s">
        <v>104</v>
      </c>
      <c r="K65" s="42" t="s">
        <v>356</v>
      </c>
      <c r="L65" s="91" t="s">
        <v>104</v>
      </c>
      <c r="M65" s="68" t="s">
        <v>89</v>
      </c>
      <c r="N65" s="68" t="s">
        <v>358</v>
      </c>
      <c r="O65" s="271" t="s">
        <v>91</v>
      </c>
      <c r="P65" s="68" t="s">
        <v>421</v>
      </c>
      <c r="Q65" s="90" t="s">
        <v>104</v>
      </c>
      <c r="R65" s="68" t="s">
        <v>423</v>
      </c>
      <c r="S65" s="90" t="s">
        <v>104</v>
      </c>
      <c r="T65" s="68" t="s">
        <v>181</v>
      </c>
      <c r="U65" s="90" t="s">
        <v>104</v>
      </c>
      <c r="V65" s="68" t="s">
        <v>356</v>
      </c>
      <c r="W65" s="90" t="s">
        <v>104</v>
      </c>
    </row>
    <row r="66" spans="1:23">
      <c r="A66" s="45" t="s">
        <v>435</v>
      </c>
      <c r="B66" s="110">
        <v>9266</v>
      </c>
      <c r="C66" s="47">
        <v>3.1</v>
      </c>
      <c r="D66" s="48">
        <v>3.9199999999999999E-2</v>
      </c>
      <c r="E66" s="111">
        <v>0.60799999999999998</v>
      </c>
      <c r="F66" s="94">
        <v>1.0141311453284773E-2</v>
      </c>
      <c r="G66" s="111">
        <v>0.107</v>
      </c>
      <c r="H66" s="94">
        <v>6.4255510910279385E-3</v>
      </c>
      <c r="I66" s="111">
        <v>0.26500000000000001</v>
      </c>
      <c r="J66" s="94">
        <v>9.1687440737048664E-3</v>
      </c>
      <c r="K66" s="93">
        <v>0.02</v>
      </c>
      <c r="L66" s="94">
        <v>2.9228698383357626E-3</v>
      </c>
      <c r="M66" s="110">
        <v>10804</v>
      </c>
      <c r="N66" s="47">
        <v>4</v>
      </c>
      <c r="O66" s="48">
        <v>3.9199999999999999E-2</v>
      </c>
      <c r="P66" s="111">
        <v>0.21</v>
      </c>
      <c r="Q66" s="94">
        <v>7.8372187685314225E-3</v>
      </c>
      <c r="R66" s="111">
        <v>0.35</v>
      </c>
      <c r="S66" s="94">
        <v>9.1762221941187605E-3</v>
      </c>
      <c r="T66" s="111">
        <v>0.33</v>
      </c>
      <c r="U66" s="94">
        <v>9.0463357677486728E-3</v>
      </c>
      <c r="V66" s="93">
        <v>0.11</v>
      </c>
      <c r="W66" s="94">
        <v>6.022796639669644E-3</v>
      </c>
    </row>
    <row r="67" spans="1:23">
      <c r="A67" s="49" t="s">
        <v>436</v>
      </c>
      <c r="B67" s="112">
        <v>8696</v>
      </c>
      <c r="C67" s="51">
        <v>3.1323235774438491</v>
      </c>
      <c r="D67" s="52">
        <v>4.4663496380326621E-2</v>
      </c>
      <c r="E67" s="113">
        <v>0.59938941569962423</v>
      </c>
      <c r="F67" s="97">
        <v>1.0507377275093125E-2</v>
      </c>
      <c r="G67" s="113">
        <v>0.10760644100695003</v>
      </c>
      <c r="H67" s="97">
        <v>6.6494782928836413E-3</v>
      </c>
      <c r="I67" s="113">
        <v>0.27330918993901621</v>
      </c>
      <c r="J67" s="97">
        <v>9.5570523943678196E-3</v>
      </c>
      <c r="K67" s="96">
        <v>1.9694953354409444E-2</v>
      </c>
      <c r="L67" s="97">
        <v>2.9957168534017315E-3</v>
      </c>
      <c r="M67" s="112">
        <v>8845</v>
      </c>
      <c r="N67" s="51">
        <v>4.2</v>
      </c>
      <c r="O67" s="52">
        <v>3.9713671816827278E-2</v>
      </c>
      <c r="P67" s="113">
        <v>0.25</v>
      </c>
      <c r="Q67" s="97">
        <v>9.2076530686058689E-3</v>
      </c>
      <c r="R67" s="113">
        <v>0.36</v>
      </c>
      <c r="S67" s="97">
        <v>1.020565378598757E-2</v>
      </c>
      <c r="T67" s="113">
        <v>0.28999999999999998</v>
      </c>
      <c r="U67" s="97">
        <v>9.6483512264059351E-3</v>
      </c>
      <c r="V67" s="96">
        <v>0.09</v>
      </c>
      <c r="W67" s="97">
        <v>6.0901405948729989E-3</v>
      </c>
    </row>
    <row r="68" spans="1:23">
      <c r="A68" s="45" t="s">
        <v>437</v>
      </c>
      <c r="B68" s="83">
        <v>831</v>
      </c>
      <c r="C68" s="47">
        <v>3.09</v>
      </c>
      <c r="D68" s="48">
        <v>0.13720000000000002</v>
      </c>
      <c r="E68" s="98">
        <v>0.61799999999999999</v>
      </c>
      <c r="F68" s="94">
        <v>3.3638378713289473E-2</v>
      </c>
      <c r="G68" s="98">
        <v>0.12</v>
      </c>
      <c r="H68" s="94">
        <v>2.2638016813541717E-2</v>
      </c>
      <c r="I68" s="98">
        <v>0.255</v>
      </c>
      <c r="J68" s="94">
        <v>3.0212715914342669E-2</v>
      </c>
      <c r="K68" s="93">
        <v>7.0000000000000001E-3</v>
      </c>
      <c r="L68" s="94">
        <v>6.6653220565623282E-3</v>
      </c>
      <c r="M68" s="83">
        <v>1984</v>
      </c>
      <c r="N68" s="47">
        <v>3.38</v>
      </c>
      <c r="O68" s="48">
        <v>7.8399999999999997E-2</v>
      </c>
      <c r="P68" s="98">
        <v>0.111</v>
      </c>
      <c r="Q68" s="94">
        <v>1.4134117933690758E-2</v>
      </c>
      <c r="R68" s="98">
        <v>0.30200000000000005</v>
      </c>
      <c r="S68" s="94">
        <v>2.0602279759993316E-2</v>
      </c>
      <c r="T68" s="98">
        <v>0.45499999999999996</v>
      </c>
      <c r="U68" s="94">
        <v>2.2337413494861014E-2</v>
      </c>
      <c r="V68" s="93">
        <v>0.13200000000000001</v>
      </c>
      <c r="W68" s="94">
        <v>1.5219415849224751E-2</v>
      </c>
    </row>
    <row r="69" spans="1:23">
      <c r="A69" s="49" t="s">
        <v>438</v>
      </c>
      <c r="B69" s="112">
        <v>952</v>
      </c>
      <c r="C69" s="51">
        <v>3.3</v>
      </c>
      <c r="D69" s="52">
        <v>0.13720000000000002</v>
      </c>
      <c r="E69" s="113">
        <v>0.55400000000000005</v>
      </c>
      <c r="F69" s="97">
        <v>3.2154722098612039E-2</v>
      </c>
      <c r="G69" s="113">
        <v>0.114</v>
      </c>
      <c r="H69" s="97">
        <v>2.0683733226493875E-2</v>
      </c>
      <c r="I69" s="113">
        <v>0.318</v>
      </c>
      <c r="J69" s="97">
        <v>3.0142798802280633E-2</v>
      </c>
      <c r="K69" s="96">
        <v>1.4E-2</v>
      </c>
      <c r="L69" s="97">
        <v>8.1246565561688255E-3</v>
      </c>
      <c r="M69" s="112">
        <v>1263</v>
      </c>
      <c r="N69" s="51">
        <v>4.0999999999999996</v>
      </c>
      <c r="O69" s="52">
        <v>9.8000000000000004E-2</v>
      </c>
      <c r="P69" s="113">
        <v>0.23</v>
      </c>
      <c r="Q69" s="97">
        <v>2.3676294567789195E-2</v>
      </c>
      <c r="R69" s="113">
        <v>0.37</v>
      </c>
      <c r="S69" s="97">
        <v>2.7133889452195855E-2</v>
      </c>
      <c r="T69" s="113">
        <v>0.32</v>
      </c>
      <c r="U69" s="97">
        <v>2.6222546725678732E-2</v>
      </c>
      <c r="V69" s="96">
        <v>0.08</v>
      </c>
      <c r="W69" s="97">
        <v>1.5358083563871991E-2</v>
      </c>
    </row>
    <row r="70" spans="1:23">
      <c r="A70" s="45" t="s">
        <v>439</v>
      </c>
      <c r="B70" s="83">
        <v>892</v>
      </c>
      <c r="C70" s="47">
        <v>3.33</v>
      </c>
      <c r="D70" s="48">
        <v>0.13720000000000002</v>
      </c>
      <c r="E70" s="98">
        <v>0.55400000000000005</v>
      </c>
      <c r="F70" s="94">
        <v>3.3213996189137167E-2</v>
      </c>
      <c r="G70" s="98">
        <v>0.104</v>
      </c>
      <c r="H70" s="94">
        <v>2.0548398610078705E-2</v>
      </c>
      <c r="I70" s="98">
        <v>0.32300000000000001</v>
      </c>
      <c r="J70" s="94">
        <v>3.1264289506682197E-2</v>
      </c>
      <c r="K70" s="93">
        <v>1.7999999999999999E-2</v>
      </c>
      <c r="L70" s="94">
        <v>9.3888448358589796E-3</v>
      </c>
      <c r="M70" s="83">
        <v>904</v>
      </c>
      <c r="N70" s="47">
        <v>4.4400000000000004</v>
      </c>
      <c r="O70" s="48">
        <v>0.1176</v>
      </c>
      <c r="P70" s="98">
        <v>0.29399999999999998</v>
      </c>
      <c r="Q70" s="94">
        <v>3.0265860292328962E-2</v>
      </c>
      <c r="R70" s="98">
        <v>0.374</v>
      </c>
      <c r="S70" s="94">
        <v>3.21247272261602E-2</v>
      </c>
      <c r="T70" s="98">
        <v>0.26300000000000001</v>
      </c>
      <c r="U70" s="94">
        <v>2.9258440629424901E-2</v>
      </c>
      <c r="V70" s="93">
        <v>7.0000000000000007E-2</v>
      </c>
      <c r="W70" s="94">
        <v>1.7144820645733937E-2</v>
      </c>
    </row>
    <row r="71" spans="1:23">
      <c r="A71" s="49" t="s">
        <v>444</v>
      </c>
      <c r="B71" s="112">
        <v>19</v>
      </c>
      <c r="C71" s="51">
        <v>2.5</v>
      </c>
      <c r="D71" s="52">
        <v>1.0387999999999999</v>
      </c>
      <c r="E71" s="113">
        <v>0.68799999999999994</v>
      </c>
      <c r="F71" s="97">
        <v>0.19820084655034137</v>
      </c>
      <c r="G71" s="113">
        <v>0.246</v>
      </c>
      <c r="H71" s="97">
        <v>0.1892654052003552</v>
      </c>
      <c r="I71" s="113">
        <v>6.6000000000000003E-2</v>
      </c>
      <c r="J71" s="97">
        <v>0.14534047736317132</v>
      </c>
      <c r="K71" s="96">
        <v>0</v>
      </c>
      <c r="L71" s="97">
        <v>0.11750676951168283</v>
      </c>
      <c r="M71" s="112">
        <v>102</v>
      </c>
      <c r="N71" s="51">
        <v>3.2</v>
      </c>
      <c r="O71" s="52">
        <v>0.3528</v>
      </c>
      <c r="P71" s="113">
        <v>0.12</v>
      </c>
      <c r="Q71" s="97">
        <v>6.6244968033904783E-2</v>
      </c>
      <c r="R71" s="113">
        <v>0.3</v>
      </c>
      <c r="S71" s="97">
        <v>8.9645403790958811E-2</v>
      </c>
      <c r="T71" s="113">
        <v>0.47000000000000003</v>
      </c>
      <c r="U71" s="97">
        <v>9.6966565514493397E-2</v>
      </c>
      <c r="V71" s="96">
        <v>0.11</v>
      </c>
      <c r="W71" s="97">
        <v>6.4182127574399492E-2</v>
      </c>
    </row>
    <row r="72" spans="1:23">
      <c r="A72" s="45" t="s">
        <v>445</v>
      </c>
      <c r="B72" s="83">
        <v>291</v>
      </c>
      <c r="C72" s="47">
        <v>3.3</v>
      </c>
      <c r="D72" s="48">
        <v>0.25480000000000003</v>
      </c>
      <c r="E72" s="98">
        <v>0.60399999999999998</v>
      </c>
      <c r="F72" s="94">
        <v>5.6983533354611919E-2</v>
      </c>
      <c r="G72" s="98">
        <v>5.2999999999999999E-2</v>
      </c>
      <c r="H72" s="94">
        <v>2.745049491106057E-2</v>
      </c>
      <c r="I72" s="98">
        <v>0.33900000000000002</v>
      </c>
      <c r="J72" s="94">
        <v>5.5207120231260613E-2</v>
      </c>
      <c r="K72" s="93">
        <v>4.0000000000000001E-3</v>
      </c>
      <c r="L72" s="94">
        <v>1.1994568835710156E-2</v>
      </c>
      <c r="M72" s="83">
        <v>307</v>
      </c>
      <c r="N72" s="47">
        <v>4.4000000000000004</v>
      </c>
      <c r="O72" s="48">
        <v>0.19600000000000001</v>
      </c>
      <c r="P72" s="98">
        <v>0.28999999999999998</v>
      </c>
      <c r="Q72" s="94">
        <v>5.1601628870170384E-2</v>
      </c>
      <c r="R72" s="98">
        <v>0.37</v>
      </c>
      <c r="S72" s="94">
        <v>5.4805347571373668E-2</v>
      </c>
      <c r="T72" s="98">
        <v>0.29000000000000004</v>
      </c>
      <c r="U72" s="94">
        <v>5.1601628870170384E-2</v>
      </c>
      <c r="V72" s="93">
        <v>0.05</v>
      </c>
      <c r="W72" s="94">
        <v>2.6028800472766716E-2</v>
      </c>
    </row>
    <row r="73" spans="1:23">
      <c r="A73" s="49" t="s">
        <v>440</v>
      </c>
      <c r="B73" s="112">
        <v>101</v>
      </c>
      <c r="C73" s="51">
        <v>3.4</v>
      </c>
      <c r="D73" s="52">
        <v>0.43119999999999997</v>
      </c>
      <c r="E73" s="113">
        <v>0.63300000000000001</v>
      </c>
      <c r="F73" s="97">
        <v>9.4341439104325381E-2</v>
      </c>
      <c r="G73" s="113">
        <v>3.3000000000000002E-2</v>
      </c>
      <c r="H73" s="97">
        <v>4.2855595275661157E-2</v>
      </c>
      <c r="I73" s="113">
        <v>0.33400000000000002</v>
      </c>
      <c r="J73" s="97">
        <v>9.2479807668899391E-2</v>
      </c>
      <c r="K73" s="96">
        <v>0</v>
      </c>
      <c r="L73" s="97">
        <v>2.6679621084077194E-2</v>
      </c>
      <c r="M73" s="112">
        <v>106</v>
      </c>
      <c r="N73" s="51">
        <v>4.8</v>
      </c>
      <c r="O73" s="52">
        <v>0.27440000000000003</v>
      </c>
      <c r="P73" s="113">
        <v>0.37</v>
      </c>
      <c r="Q73" s="97">
        <v>9.2305174444074448E-2</v>
      </c>
      <c r="R73" s="113">
        <v>0.47000000000000003</v>
      </c>
      <c r="S73" s="97">
        <v>9.5186756997696603E-2</v>
      </c>
      <c r="T73" s="113">
        <v>0.16999999999999998</v>
      </c>
      <c r="U73" s="97">
        <v>7.3577664595125117E-2</v>
      </c>
      <c r="V73" s="96">
        <v>0</v>
      </c>
      <c r="W73" s="97">
        <v>2.5478147263468021E-2</v>
      </c>
    </row>
    <row r="74" spans="1:23">
      <c r="A74" s="45" t="s">
        <v>441</v>
      </c>
      <c r="B74" s="83">
        <v>94</v>
      </c>
      <c r="C74" s="47">
        <v>2.4</v>
      </c>
      <c r="D74" s="48">
        <v>0.37240000000000001</v>
      </c>
      <c r="E74" s="98">
        <v>0.74299999999999999</v>
      </c>
      <c r="F74" s="94">
        <v>8.9368065455488449E-2</v>
      </c>
      <c r="G74" s="98">
        <v>5.7000000000000002E-2</v>
      </c>
      <c r="H74" s="94">
        <v>5.3239689465052135E-2</v>
      </c>
      <c r="I74" s="98">
        <v>0.186</v>
      </c>
      <c r="J74" s="94">
        <v>8.0632295863024103E-2</v>
      </c>
      <c r="K74" s="93">
        <v>1.4E-2</v>
      </c>
      <c r="L74" s="94">
        <v>3.6528887131511159E-2</v>
      </c>
      <c r="M74" s="83">
        <v>96</v>
      </c>
      <c r="N74" s="47">
        <v>4.5999999999999996</v>
      </c>
      <c r="O74" s="48">
        <v>0.3332</v>
      </c>
      <c r="P74" s="98">
        <v>0.28000000000000003</v>
      </c>
      <c r="Q74" s="94">
        <v>9.064095321652349E-2</v>
      </c>
      <c r="R74" s="98">
        <v>0.39</v>
      </c>
      <c r="S74" s="94">
        <v>9.7744286789561263E-2</v>
      </c>
      <c r="T74" s="98">
        <v>0.22</v>
      </c>
      <c r="U74" s="94">
        <v>8.4320000000000006E-2</v>
      </c>
      <c r="V74" s="93">
        <v>0.1</v>
      </c>
      <c r="W74" s="94">
        <v>6.4044984190801402E-2</v>
      </c>
    </row>
    <row r="75" spans="1:23">
      <c r="A75" s="49" t="s">
        <v>442</v>
      </c>
      <c r="B75" s="112">
        <v>72</v>
      </c>
      <c r="C75" s="51">
        <v>3.7</v>
      </c>
      <c r="D75" s="52">
        <v>0.50960000000000005</v>
      </c>
      <c r="E75" s="113">
        <v>0.52900000000000003</v>
      </c>
      <c r="F75" s="97">
        <v>0.11453457227448843</v>
      </c>
      <c r="G75" s="113">
        <v>8.2000000000000003E-2</v>
      </c>
      <c r="H75" s="97">
        <v>7.0031571827509187E-2</v>
      </c>
      <c r="I75" s="113">
        <v>0.38900000000000001</v>
      </c>
      <c r="J75" s="97">
        <v>0.11214225392084899</v>
      </c>
      <c r="K75" s="96">
        <v>0</v>
      </c>
      <c r="L75" s="97">
        <v>3.6723195522334773E-2</v>
      </c>
      <c r="M75" s="112">
        <v>81</v>
      </c>
      <c r="N75" s="51">
        <v>3.5</v>
      </c>
      <c r="O75" s="52">
        <v>0.41159999999999997</v>
      </c>
      <c r="P75" s="113">
        <v>0.15</v>
      </c>
      <c r="Q75" s="97">
        <v>8.0807143390664998E-2</v>
      </c>
      <c r="R75" s="113">
        <v>0.27</v>
      </c>
      <c r="S75" s="97">
        <v>9.7488865063231261E-2</v>
      </c>
      <c r="T75" s="113">
        <v>0.52</v>
      </c>
      <c r="U75" s="97">
        <v>0.10838640271691881</v>
      </c>
      <c r="V75" s="96">
        <v>0.06</v>
      </c>
      <c r="W75" s="97">
        <v>5.9088146678978194E-2</v>
      </c>
    </row>
    <row r="76" spans="1:23">
      <c r="A76" s="45" t="s">
        <v>446</v>
      </c>
      <c r="B76" s="110">
        <v>97</v>
      </c>
      <c r="C76" s="47">
        <v>3.4</v>
      </c>
      <c r="D76" s="48">
        <v>0.41159999999999997</v>
      </c>
      <c r="E76" s="111">
        <v>0.53100000000000003</v>
      </c>
      <c r="F76" s="94">
        <v>9.9327164483357641E-2</v>
      </c>
      <c r="G76" s="111">
        <v>0.124</v>
      </c>
      <c r="H76" s="94">
        <v>6.8823307839584666E-2</v>
      </c>
      <c r="I76" s="111">
        <v>0.34499999999999997</v>
      </c>
      <c r="J76" s="94">
        <v>9.4991461360282275E-2</v>
      </c>
      <c r="K76" s="93">
        <v>0</v>
      </c>
      <c r="L76" s="94">
        <v>2.7725572981612018E-2</v>
      </c>
      <c r="M76" s="110">
        <v>116</v>
      </c>
      <c r="N76" s="47">
        <v>4.9000000000000004</v>
      </c>
      <c r="O76" s="48">
        <v>0.3332</v>
      </c>
      <c r="P76" s="111">
        <v>0.38</v>
      </c>
      <c r="Q76" s="94">
        <v>8.8796396323274296E-2</v>
      </c>
      <c r="R76" s="111">
        <v>0.32</v>
      </c>
      <c r="S76" s="94">
        <v>8.558115057261928E-2</v>
      </c>
      <c r="T76" s="111">
        <v>0.19</v>
      </c>
      <c r="U76" s="94">
        <v>7.3075278284083847E-2</v>
      </c>
      <c r="V76" s="93">
        <v>0.1</v>
      </c>
      <c r="W76" s="94">
        <v>5.7875984912825723E-2</v>
      </c>
    </row>
    <row r="77" spans="1:23">
      <c r="A77" s="49" t="s">
        <v>447</v>
      </c>
      <c r="B77" s="112">
        <v>105</v>
      </c>
      <c r="C77" s="51">
        <v>3.2</v>
      </c>
      <c r="D77" s="52">
        <v>0.39200000000000002</v>
      </c>
      <c r="E77" s="113">
        <v>0.59099999999999997</v>
      </c>
      <c r="F77" s="97">
        <v>9.4299080695077281E-2</v>
      </c>
      <c r="G77" s="113">
        <v>0.11</v>
      </c>
      <c r="H77" s="97">
        <v>6.3204480014577361E-2</v>
      </c>
      <c r="I77" s="113">
        <v>0.29899999999999999</v>
      </c>
      <c r="J77" s="97">
        <v>8.8309257147243858E-2</v>
      </c>
      <c r="K77" s="96">
        <v>0</v>
      </c>
      <c r="L77" s="97">
        <v>2.5709707484377786E-2</v>
      </c>
      <c r="M77" s="112">
        <v>108</v>
      </c>
      <c r="N77" s="51">
        <v>5.3</v>
      </c>
      <c r="O77" s="52">
        <v>0.25480000000000003</v>
      </c>
      <c r="P77" s="113">
        <v>0.42</v>
      </c>
      <c r="Q77" s="97">
        <v>9.3359707505019221E-2</v>
      </c>
      <c r="R77" s="113">
        <v>0.41</v>
      </c>
      <c r="S77" s="97">
        <v>9.3056864296576045E-2</v>
      </c>
      <c r="T77" s="113">
        <v>0.12</v>
      </c>
      <c r="U77" s="97">
        <v>6.4290107559632798E-2</v>
      </c>
      <c r="V77" s="96">
        <v>0.04</v>
      </c>
      <c r="W77" s="97">
        <v>4.3607170017875847E-2</v>
      </c>
    </row>
    <row r="78" spans="1:23" ht="25.5">
      <c r="A78" s="45" t="s">
        <v>448</v>
      </c>
      <c r="B78" s="83">
        <v>130</v>
      </c>
      <c r="C78" s="47">
        <v>4</v>
      </c>
      <c r="D78" s="48">
        <v>0.37240000000000001</v>
      </c>
      <c r="E78" s="98">
        <v>0.36</v>
      </c>
      <c r="F78" s="94">
        <v>8.3138561618810031E-2</v>
      </c>
      <c r="G78" s="98">
        <v>0.224</v>
      </c>
      <c r="H78" s="94">
        <v>7.2955505346406255E-2</v>
      </c>
      <c r="I78" s="98">
        <v>0.35899999999999999</v>
      </c>
      <c r="J78" s="94">
        <v>8.3091068555550637E-2</v>
      </c>
      <c r="K78" s="98">
        <v>5.7000000000000002E-2</v>
      </c>
      <c r="L78" s="94">
        <v>4.4147813857374714E-2</v>
      </c>
      <c r="M78" s="83">
        <v>148</v>
      </c>
      <c r="N78" s="47">
        <v>5</v>
      </c>
      <c r="O78" s="48">
        <v>0.27440000000000003</v>
      </c>
      <c r="P78" s="98">
        <v>0.35</v>
      </c>
      <c r="Q78" s="94">
        <v>7.7573162208138147E-2</v>
      </c>
      <c r="R78" s="98">
        <v>0.47</v>
      </c>
      <c r="S78" s="94">
        <v>8.0972176045126854E-2</v>
      </c>
      <c r="T78" s="98">
        <v>0.15</v>
      </c>
      <c r="U78" s="94">
        <v>5.9352323287573165E-2</v>
      </c>
      <c r="V78" s="98">
        <v>0.03</v>
      </c>
      <c r="W78" s="94">
        <v>3.2675976186496508E-2</v>
      </c>
    </row>
    <row r="79" spans="1:23">
      <c r="A79" s="49" t="s">
        <v>449</v>
      </c>
      <c r="B79" s="112">
        <v>76</v>
      </c>
      <c r="C79" s="51">
        <v>4</v>
      </c>
      <c r="D79" s="52">
        <v>0.49</v>
      </c>
      <c r="E79" s="113">
        <v>0.39200000000000002</v>
      </c>
      <c r="F79" s="97">
        <v>0.10942422949237524</v>
      </c>
      <c r="G79" s="113">
        <v>0.159</v>
      </c>
      <c r="H79" s="97">
        <v>8.5163489095973516E-2</v>
      </c>
      <c r="I79" s="113">
        <v>0.433</v>
      </c>
      <c r="J79" s="97">
        <v>0.11089379547567123</v>
      </c>
      <c r="K79" s="96">
        <v>1.6E-2</v>
      </c>
      <c r="L79" s="97">
        <v>4.3922636532885861E-2</v>
      </c>
      <c r="M79" s="112">
        <v>195</v>
      </c>
      <c r="N79" s="51">
        <v>3.5</v>
      </c>
      <c r="O79" s="52">
        <v>0.25480000000000003</v>
      </c>
      <c r="P79" s="113">
        <v>0.1</v>
      </c>
      <c r="Q79" s="97">
        <v>4.4011765437448461E-2</v>
      </c>
      <c r="R79" s="113">
        <v>0.36</v>
      </c>
      <c r="S79" s="97">
        <v>6.8167694599907722E-2</v>
      </c>
      <c r="T79" s="113">
        <v>0.44</v>
      </c>
      <c r="U79" s="97">
        <v>7.0396332292160357E-2</v>
      </c>
      <c r="V79" s="96">
        <v>0.1</v>
      </c>
      <c r="W79" s="97">
        <v>4.4011765437448461E-2</v>
      </c>
    </row>
    <row r="80" spans="1:23">
      <c r="A80" s="57" t="s">
        <v>450</v>
      </c>
      <c r="B80" s="110">
        <v>109</v>
      </c>
      <c r="C80" s="47">
        <v>2.2000000000000002</v>
      </c>
      <c r="D80" s="48">
        <v>0.3332</v>
      </c>
      <c r="E80" s="111">
        <v>0.79600000000000004</v>
      </c>
      <c r="F80" s="94">
        <v>7.7225589955471602E-2</v>
      </c>
      <c r="G80" s="111">
        <v>7.3999999999999996E-2</v>
      </c>
      <c r="H80" s="94">
        <v>5.3594499348928709E-2</v>
      </c>
      <c r="I80" s="111">
        <v>0.129</v>
      </c>
      <c r="J80" s="94">
        <v>6.5697355620059586E-2</v>
      </c>
      <c r="K80" s="93">
        <v>0</v>
      </c>
      <c r="L80" s="94">
        <v>2.4807832313658393E-2</v>
      </c>
      <c r="M80" s="110">
        <v>135</v>
      </c>
      <c r="N80" s="47">
        <v>3.1</v>
      </c>
      <c r="O80" s="48">
        <v>0.31359999999999999</v>
      </c>
      <c r="P80" s="111">
        <v>7.0000000000000007E-2</v>
      </c>
      <c r="Q80" s="94">
        <v>4.6639165389231026E-2</v>
      </c>
      <c r="R80" s="111">
        <v>0.33999999999999997</v>
      </c>
      <c r="S80" s="94">
        <v>8.061850503676328E-2</v>
      </c>
      <c r="T80" s="111">
        <v>0.47000000000000003</v>
      </c>
      <c r="U80" s="94">
        <v>8.4674757054554656E-2</v>
      </c>
      <c r="V80" s="93">
        <v>0.12</v>
      </c>
      <c r="W80" s="94">
        <v>5.7223834556024027E-2</v>
      </c>
    </row>
    <row r="81" spans="1:23">
      <c r="A81" s="49" t="s">
        <v>443</v>
      </c>
      <c r="B81" s="112">
        <v>71</v>
      </c>
      <c r="C81" s="51">
        <v>1.9</v>
      </c>
      <c r="D81" s="52">
        <v>0.37240000000000001</v>
      </c>
      <c r="E81" s="113">
        <v>0.875</v>
      </c>
      <c r="F81" s="97">
        <v>8.1314205401024492E-2</v>
      </c>
      <c r="G81" s="113">
        <v>2.8000000000000001E-2</v>
      </c>
      <c r="H81" s="97">
        <v>5.1818107494352748E-2</v>
      </c>
      <c r="I81" s="113">
        <v>9.7000000000000003E-2</v>
      </c>
      <c r="J81" s="97">
        <v>7.4637850375936884E-2</v>
      </c>
      <c r="K81" s="96">
        <v>0</v>
      </c>
      <c r="L81" s="97">
        <v>3.7206132509255738E-2</v>
      </c>
      <c r="M81" s="112">
        <v>76</v>
      </c>
      <c r="N81" s="51">
        <v>3.1</v>
      </c>
      <c r="O81" s="52">
        <v>0.45080000000000003</v>
      </c>
      <c r="P81" s="113">
        <v>0.11</v>
      </c>
      <c r="Q81" s="97">
        <v>7.5076544273161641E-2</v>
      </c>
      <c r="R81" s="113">
        <v>0.27</v>
      </c>
      <c r="S81" s="97">
        <v>0.10056285347980137</v>
      </c>
      <c r="T81" s="113">
        <v>0.45</v>
      </c>
      <c r="U81" s="97">
        <v>0.11129774256470794</v>
      </c>
      <c r="V81" s="96">
        <v>0.17</v>
      </c>
      <c r="W81" s="97">
        <v>8.7097000522406057E-2</v>
      </c>
    </row>
    <row r="82" spans="1:23">
      <c r="A82" s="57" t="s">
        <v>451</v>
      </c>
      <c r="B82" s="110">
        <v>125</v>
      </c>
      <c r="C82" s="47">
        <v>3.7</v>
      </c>
      <c r="D82" s="48">
        <v>0.39200000000000002</v>
      </c>
      <c r="E82" s="111">
        <v>0.47499999999999998</v>
      </c>
      <c r="F82" s="94">
        <v>8.7941692939348615E-2</v>
      </c>
      <c r="G82" s="111">
        <v>8.2000000000000003E-2</v>
      </c>
      <c r="H82" s="94">
        <v>5.1622843074515957E-2</v>
      </c>
      <c r="I82" s="111">
        <v>0.42499999999999999</v>
      </c>
      <c r="J82" s="94">
        <v>8.7110093200381197E-2</v>
      </c>
      <c r="K82" s="93">
        <v>1.7000000000000001E-2</v>
      </c>
      <c r="L82" s="94">
        <v>3.0980980420630043E-2</v>
      </c>
      <c r="M82" s="110">
        <v>152</v>
      </c>
      <c r="N82" s="47">
        <v>5</v>
      </c>
      <c r="O82" s="48">
        <v>0.27440000000000003</v>
      </c>
      <c r="P82" s="111">
        <v>0.38</v>
      </c>
      <c r="Q82" s="94">
        <v>7.7844189230769842E-2</v>
      </c>
      <c r="R82" s="111">
        <v>0.4</v>
      </c>
      <c r="S82" s="94">
        <v>7.8529146294317953E-2</v>
      </c>
      <c r="T82" s="111">
        <v>0.13</v>
      </c>
      <c r="U82" s="94">
        <v>5.5477069933046901E-2</v>
      </c>
      <c r="V82" s="93">
        <v>0.09</v>
      </c>
      <c r="W82" s="94">
        <v>4.8147740960766558E-2</v>
      </c>
    </row>
  </sheetData>
  <mergeCells count="14">
    <mergeCell ref="A4:W4"/>
    <mergeCell ref="A3:W3"/>
    <mergeCell ref="A33:AS33"/>
    <mergeCell ref="A32:AS32"/>
    <mergeCell ref="X34:AH34"/>
    <mergeCell ref="B5:L5"/>
    <mergeCell ref="M5:W5"/>
    <mergeCell ref="M63:W63"/>
    <mergeCell ref="B63:L63"/>
    <mergeCell ref="A61:W61"/>
    <mergeCell ref="A62:W62"/>
    <mergeCell ref="AI34:AS34"/>
    <mergeCell ref="M34:W34"/>
    <mergeCell ref="B34:L34"/>
  </mergeCells>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AG169"/>
  <sheetViews>
    <sheetView zoomScaleNormal="100" zoomScalePageLayoutView="75" workbookViewId="0">
      <selection activeCell="A149" sqref="A149:W149"/>
    </sheetView>
  </sheetViews>
  <sheetFormatPr defaultColWidth="22.85546875" defaultRowHeight="15"/>
  <cols>
    <col min="1" max="1" width="39.5703125" customWidth="1"/>
  </cols>
  <sheetData>
    <row r="1" spans="1:6" ht="31.5">
      <c r="A1" s="33" t="s">
        <v>42</v>
      </c>
    </row>
    <row r="3" spans="1:6" ht="18.75">
      <c r="A3" s="316" t="s">
        <v>1</v>
      </c>
      <c r="B3" s="316"/>
      <c r="C3" s="316"/>
      <c r="D3" s="316"/>
    </row>
    <row r="4" spans="1:6" ht="201" customHeight="1">
      <c r="A4" s="358" t="s">
        <v>210</v>
      </c>
      <c r="B4" s="358"/>
      <c r="C4" s="358"/>
      <c r="D4" s="358"/>
      <c r="F4" s="228"/>
    </row>
    <row r="5" spans="1:6" ht="34.5" customHeight="1">
      <c r="A5" s="359" t="s">
        <v>122</v>
      </c>
      <c r="B5" s="353"/>
      <c r="C5" s="353"/>
      <c r="D5" s="353"/>
    </row>
    <row r="6" spans="1:6" ht="43.5" customHeight="1">
      <c r="A6" s="37" t="s">
        <v>85</v>
      </c>
      <c r="B6" s="38" t="s">
        <v>86</v>
      </c>
      <c r="C6" s="39" t="s">
        <v>87</v>
      </c>
      <c r="D6" s="40" t="s">
        <v>88</v>
      </c>
    </row>
    <row r="7" spans="1:6" ht="56.25" customHeight="1">
      <c r="A7" s="41"/>
      <c r="B7" s="42" t="s">
        <v>89</v>
      </c>
      <c r="C7" s="43" t="s">
        <v>123</v>
      </c>
      <c r="D7" s="44" t="s">
        <v>91</v>
      </c>
    </row>
    <row r="8" spans="1:6">
      <c r="A8" s="45" t="s">
        <v>435</v>
      </c>
      <c r="B8" s="83">
        <v>10585</v>
      </c>
      <c r="C8" s="84">
        <v>4.2</v>
      </c>
      <c r="D8" s="85">
        <v>1.9599999999999999E-2</v>
      </c>
    </row>
    <row r="9" spans="1:6">
      <c r="A9" s="49" t="s">
        <v>436</v>
      </c>
      <c r="B9" s="117">
        <v>7673</v>
      </c>
      <c r="C9" s="118">
        <v>4.0990636879316202</v>
      </c>
      <c r="D9" s="119">
        <v>2.3820489802410118E-2</v>
      </c>
    </row>
    <row r="10" spans="1:6">
      <c r="A10" s="45" t="s">
        <v>437</v>
      </c>
      <c r="B10" s="83">
        <v>1949</v>
      </c>
      <c r="C10" s="84">
        <v>4.16</v>
      </c>
      <c r="D10" s="85">
        <v>5.8799999999999998E-2</v>
      </c>
    </row>
    <row r="11" spans="1:6">
      <c r="A11" s="49" t="s">
        <v>438</v>
      </c>
      <c r="B11" s="117">
        <v>1246</v>
      </c>
      <c r="C11" s="118">
        <v>4</v>
      </c>
      <c r="D11" s="119">
        <v>5.8799999999999998E-2</v>
      </c>
    </row>
    <row r="12" spans="1:6">
      <c r="A12" s="45" t="s">
        <v>439</v>
      </c>
      <c r="B12" s="83">
        <v>889</v>
      </c>
      <c r="C12" s="84">
        <v>4.12</v>
      </c>
      <c r="D12" s="85">
        <v>7.8399999999999997E-2</v>
      </c>
    </row>
    <row r="13" spans="1:6">
      <c r="A13" s="49" t="s">
        <v>444</v>
      </c>
      <c r="B13" s="117">
        <v>100</v>
      </c>
      <c r="C13" s="118">
        <v>4</v>
      </c>
      <c r="D13" s="119">
        <v>0.23519999999999999</v>
      </c>
    </row>
    <row r="14" spans="1:6">
      <c r="A14" s="45" t="s">
        <v>445</v>
      </c>
      <c r="B14" s="83">
        <v>302</v>
      </c>
      <c r="C14" s="84">
        <v>4.3</v>
      </c>
      <c r="D14" s="85">
        <v>0.1176</v>
      </c>
    </row>
    <row r="15" spans="1:6">
      <c r="A15" s="49" t="s">
        <v>440</v>
      </c>
      <c r="B15" s="117">
        <v>105</v>
      </c>
      <c r="C15" s="118">
        <v>4.4000000000000004</v>
      </c>
      <c r="D15" s="119">
        <v>0.21559999999999999</v>
      </c>
    </row>
    <row r="16" spans="1:6">
      <c r="A16" s="45" t="s">
        <v>441</v>
      </c>
      <c r="B16" s="83">
        <v>95</v>
      </c>
      <c r="C16" s="84">
        <v>4.3</v>
      </c>
      <c r="D16" s="85">
        <v>0.19600000000000001</v>
      </c>
    </row>
    <row r="17" spans="1:17">
      <c r="A17" s="49" t="s">
        <v>442</v>
      </c>
      <c r="B17" s="117">
        <v>78</v>
      </c>
      <c r="C17" s="118">
        <v>4.3</v>
      </c>
      <c r="D17" s="119">
        <v>0.21559999999999999</v>
      </c>
    </row>
    <row r="18" spans="1:17">
      <c r="A18" s="45" t="s">
        <v>446</v>
      </c>
      <c r="B18" s="114">
        <v>113</v>
      </c>
      <c r="C18" s="115">
        <v>3.9</v>
      </c>
      <c r="D18" s="116">
        <v>0.1764</v>
      </c>
    </row>
    <row r="19" spans="1:17">
      <c r="A19" s="49" t="s">
        <v>447</v>
      </c>
      <c r="B19" s="117">
        <v>107</v>
      </c>
      <c r="C19" s="118">
        <v>4.4000000000000004</v>
      </c>
      <c r="D19" s="119">
        <v>0.21559999999999999</v>
      </c>
    </row>
    <row r="20" spans="1:17" ht="25.5">
      <c r="A20" s="45" t="s">
        <v>448</v>
      </c>
      <c r="B20" s="83">
        <v>145</v>
      </c>
      <c r="C20" s="84">
        <v>4.2</v>
      </c>
      <c r="D20" s="85">
        <v>0.1764</v>
      </c>
    </row>
    <row r="21" spans="1:17">
      <c r="A21" s="49" t="s">
        <v>449</v>
      </c>
      <c r="B21" s="117">
        <v>194</v>
      </c>
      <c r="C21" s="118">
        <v>3.8</v>
      </c>
      <c r="D21" s="119">
        <v>0.15679999999999999</v>
      </c>
    </row>
    <row r="22" spans="1:17">
      <c r="A22" s="57" t="s">
        <v>450</v>
      </c>
      <c r="B22" s="114">
        <v>133</v>
      </c>
      <c r="C22" s="115">
        <v>4</v>
      </c>
      <c r="D22" s="116">
        <v>0.1764</v>
      </c>
    </row>
    <row r="23" spans="1:17">
      <c r="A23" s="49" t="s">
        <v>443</v>
      </c>
      <c r="B23" s="117">
        <v>74</v>
      </c>
      <c r="C23" s="118">
        <v>4</v>
      </c>
      <c r="D23" s="119">
        <v>0.27440000000000003</v>
      </c>
    </row>
    <row r="24" spans="1:17">
      <c r="A24" s="57" t="s">
        <v>451</v>
      </c>
      <c r="B24" s="114">
        <v>152</v>
      </c>
      <c r="C24" s="115">
        <v>3.7</v>
      </c>
      <c r="D24" s="116">
        <v>0.15679999999999999</v>
      </c>
    </row>
    <row r="32" spans="1:17" ht="18.75">
      <c r="A32" s="316" t="s">
        <v>35</v>
      </c>
      <c r="B32" s="316"/>
      <c r="C32" s="316"/>
      <c r="D32" s="316"/>
      <c r="E32" s="316"/>
      <c r="F32" s="316"/>
      <c r="G32" s="316"/>
      <c r="H32" s="316"/>
      <c r="I32" s="316"/>
      <c r="J32" s="316"/>
      <c r="K32" s="316"/>
      <c r="L32" s="316"/>
      <c r="M32" s="316"/>
      <c r="N32" s="316"/>
      <c r="O32" s="316"/>
      <c r="P32" s="316"/>
      <c r="Q32" s="316"/>
    </row>
    <row r="33" spans="1:17" ht="58.5" customHeight="1">
      <c r="A33" s="354" t="s">
        <v>211</v>
      </c>
      <c r="B33" s="354"/>
      <c r="C33" s="354"/>
      <c r="D33" s="354"/>
      <c r="E33" s="354"/>
      <c r="F33" s="354"/>
      <c r="G33" s="354"/>
      <c r="H33" s="354"/>
      <c r="I33" s="354"/>
      <c r="J33" s="354"/>
      <c r="K33" s="354"/>
      <c r="L33" s="354"/>
      <c r="M33" s="354"/>
      <c r="N33" s="354"/>
      <c r="O33" s="354"/>
      <c r="P33" s="354"/>
      <c r="Q33" s="354"/>
    </row>
    <row r="34" spans="1:17" ht="39" customHeight="1">
      <c r="A34" s="107"/>
      <c r="B34" s="353" t="s">
        <v>124</v>
      </c>
      <c r="C34" s="353"/>
      <c r="D34" s="353"/>
      <c r="E34" s="353"/>
      <c r="F34" s="353"/>
      <c r="G34" s="353"/>
      <c r="H34" s="353"/>
      <c r="I34" s="353" t="s">
        <v>327</v>
      </c>
      <c r="J34" s="353"/>
      <c r="K34" s="353"/>
      <c r="L34" s="353"/>
      <c r="M34" s="353"/>
      <c r="N34" s="353"/>
      <c r="O34" s="353"/>
      <c r="P34" s="353"/>
      <c r="Q34" s="353"/>
    </row>
    <row r="35" spans="1:17" ht="39.75" customHeight="1">
      <c r="A35" s="37" t="s">
        <v>85</v>
      </c>
      <c r="B35" s="38" t="s">
        <v>86</v>
      </c>
      <c r="C35" s="38" t="s">
        <v>196</v>
      </c>
      <c r="D35" s="89" t="s">
        <v>125</v>
      </c>
      <c r="E35" s="38" t="s">
        <v>212</v>
      </c>
      <c r="F35" s="89" t="s">
        <v>126</v>
      </c>
      <c r="G35" s="38" t="s">
        <v>214</v>
      </c>
      <c r="H35" s="89" t="s">
        <v>127</v>
      </c>
      <c r="I35" s="65" t="s">
        <v>86</v>
      </c>
      <c r="J35" s="65" t="s">
        <v>197</v>
      </c>
      <c r="K35" s="88" t="s">
        <v>128</v>
      </c>
      <c r="L35" s="65" t="s">
        <v>198</v>
      </c>
      <c r="M35" s="88" t="s">
        <v>129</v>
      </c>
      <c r="N35" s="65" t="s">
        <v>199</v>
      </c>
      <c r="O35" s="88" t="s">
        <v>130</v>
      </c>
      <c r="P35" s="65" t="s">
        <v>200</v>
      </c>
      <c r="Q35" s="88" t="s">
        <v>131</v>
      </c>
    </row>
    <row r="36" spans="1:17" ht="63" customHeight="1">
      <c r="A36" s="41"/>
      <c r="B36" s="42" t="s">
        <v>89</v>
      </c>
      <c r="C36" s="42" t="s">
        <v>209</v>
      </c>
      <c r="D36" s="91" t="s">
        <v>104</v>
      </c>
      <c r="E36" s="42" t="s">
        <v>213</v>
      </c>
      <c r="F36" s="91" t="s">
        <v>104</v>
      </c>
      <c r="G36" s="42" t="s">
        <v>215</v>
      </c>
      <c r="H36" s="91" t="s">
        <v>104</v>
      </c>
      <c r="I36" s="68" t="s">
        <v>89</v>
      </c>
      <c r="J36" s="68" t="s">
        <v>328</v>
      </c>
      <c r="K36" s="90" t="s">
        <v>104</v>
      </c>
      <c r="L36" s="68" t="s">
        <v>329</v>
      </c>
      <c r="M36" s="90" t="s">
        <v>104</v>
      </c>
      <c r="N36" s="68" t="s">
        <v>330</v>
      </c>
      <c r="O36" s="90" t="s">
        <v>104</v>
      </c>
      <c r="P36" s="68" t="s">
        <v>331</v>
      </c>
      <c r="Q36" s="90" t="s">
        <v>104</v>
      </c>
    </row>
    <row r="37" spans="1:17">
      <c r="A37" s="45" t="s">
        <v>435</v>
      </c>
      <c r="B37" s="120">
        <v>7941</v>
      </c>
      <c r="C37" s="121">
        <v>0.36</v>
      </c>
      <c r="D37" s="94">
        <v>1.0770673903927353E-2</v>
      </c>
      <c r="E37" s="121">
        <v>0.44</v>
      </c>
      <c r="F37" s="94">
        <v>1.1137984017958874E-2</v>
      </c>
      <c r="G37" s="121">
        <v>0.2</v>
      </c>
      <c r="H37" s="94">
        <v>8.9777180358180629E-3</v>
      </c>
      <c r="I37" s="122">
        <v>10570</v>
      </c>
      <c r="J37" s="121">
        <v>7.0000000000000007E-2</v>
      </c>
      <c r="K37" s="94">
        <v>4.9678315993187698E-3</v>
      </c>
      <c r="L37" s="121">
        <v>0.33</v>
      </c>
      <c r="M37" s="94">
        <v>9.1458944045153031E-3</v>
      </c>
      <c r="N37" s="121">
        <v>0.45</v>
      </c>
      <c r="O37" s="94">
        <v>9.6760834098690348E-3</v>
      </c>
      <c r="P37" s="121">
        <v>0.15</v>
      </c>
      <c r="Q37" s="94">
        <v>6.9474142141470012E-3</v>
      </c>
    </row>
    <row r="38" spans="1:17">
      <c r="A38" s="49" t="s">
        <v>436</v>
      </c>
      <c r="B38" s="49">
        <v>7384</v>
      </c>
      <c r="C38" s="124">
        <v>0.36</v>
      </c>
      <c r="D38" s="97">
        <v>1.1169347068972688E-2</v>
      </c>
      <c r="E38" s="124">
        <v>0.43</v>
      </c>
      <c r="F38" s="97">
        <v>1.1519746105406547E-2</v>
      </c>
      <c r="G38" s="124">
        <v>0.21</v>
      </c>
      <c r="H38" s="97">
        <v>9.4800117976022863E-3</v>
      </c>
      <c r="I38" s="49">
        <v>8448</v>
      </c>
      <c r="J38" s="124">
        <v>0.06</v>
      </c>
      <c r="K38" s="97">
        <v>5.174805323020947E-3</v>
      </c>
      <c r="L38" s="124">
        <v>0.32</v>
      </c>
      <c r="M38" s="97">
        <v>1.0148697109705583E-2</v>
      </c>
      <c r="N38" s="124">
        <v>0.46</v>
      </c>
      <c r="O38" s="97">
        <v>1.0842448570167662E-2</v>
      </c>
      <c r="P38" s="124">
        <v>0.16</v>
      </c>
      <c r="Q38" s="97">
        <v>7.9785974947230963E-3</v>
      </c>
    </row>
    <row r="39" spans="1:17">
      <c r="A39" s="45" t="s">
        <v>437</v>
      </c>
      <c r="B39" s="53">
        <v>709</v>
      </c>
      <c r="C39" s="121">
        <v>0.33600000000000002</v>
      </c>
      <c r="D39" s="94">
        <v>3.5402310674731388E-2</v>
      </c>
      <c r="E39" s="121">
        <v>0.42</v>
      </c>
      <c r="F39" s="94">
        <v>3.6973255777585964E-2</v>
      </c>
      <c r="G39" s="121">
        <v>0.24399999999999999</v>
      </c>
      <c r="H39" s="94">
        <v>3.2233132550217612E-2</v>
      </c>
      <c r="I39" s="53">
        <v>1949</v>
      </c>
      <c r="J39" s="121">
        <v>8.3000000000000004E-2</v>
      </c>
      <c r="K39" s="94">
        <v>1.2543631215236904E-2</v>
      </c>
      <c r="L39" s="121">
        <v>0.35</v>
      </c>
      <c r="M39" s="94">
        <v>2.1590238426645487E-2</v>
      </c>
      <c r="N39" s="121">
        <v>0.40500000000000003</v>
      </c>
      <c r="O39" s="94">
        <v>2.22176512358165E-2</v>
      </c>
      <c r="P39" s="121">
        <v>0.16200000000000001</v>
      </c>
      <c r="Q39" s="94">
        <v>1.6703400019908173E-2</v>
      </c>
    </row>
    <row r="40" spans="1:17">
      <c r="A40" s="49" t="s">
        <v>438</v>
      </c>
      <c r="B40" s="49">
        <v>836</v>
      </c>
      <c r="C40" s="124">
        <v>0.4</v>
      </c>
      <c r="D40" s="97">
        <v>3.3812861130040055E-2</v>
      </c>
      <c r="E40" s="124">
        <v>0.4</v>
      </c>
      <c r="F40" s="97">
        <v>3.3812861130040055E-2</v>
      </c>
      <c r="G40" s="124">
        <v>0.2</v>
      </c>
      <c r="H40" s="97">
        <v>2.7676283644753313E-2</v>
      </c>
      <c r="I40" s="49">
        <v>1244</v>
      </c>
      <c r="J40" s="124">
        <v>0.09</v>
      </c>
      <c r="K40" s="97">
        <v>1.6307918207805815E-2</v>
      </c>
      <c r="L40" s="124">
        <v>0.39</v>
      </c>
      <c r="M40" s="97">
        <v>2.7617896453038596E-2</v>
      </c>
      <c r="N40" s="124">
        <v>0.4</v>
      </c>
      <c r="O40" s="97">
        <v>2.7738707556573088E-2</v>
      </c>
      <c r="P40" s="124">
        <v>0.13</v>
      </c>
      <c r="Q40" s="97">
        <v>1.9113037380702729E-2</v>
      </c>
    </row>
    <row r="41" spans="1:17">
      <c r="A41" s="45" t="s">
        <v>439</v>
      </c>
      <c r="B41" s="53">
        <v>782</v>
      </c>
      <c r="C41" s="121">
        <v>0.38900000000000001</v>
      </c>
      <c r="D41" s="94">
        <v>3.478791325041232E-2</v>
      </c>
      <c r="E41" s="121">
        <v>0.39500000000000002</v>
      </c>
      <c r="F41" s="94">
        <v>3.4881619372126964E-2</v>
      </c>
      <c r="G41" s="121">
        <v>0.215</v>
      </c>
      <c r="H41" s="94">
        <v>2.937860379714978E-2</v>
      </c>
      <c r="I41" s="53">
        <v>887</v>
      </c>
      <c r="J41" s="121">
        <v>7.6999999999999999E-2</v>
      </c>
      <c r="K41" s="94">
        <v>1.8062609567437216E-2</v>
      </c>
      <c r="L41" s="121">
        <v>0.38400000000000001</v>
      </c>
      <c r="M41" s="94">
        <v>3.2595507313706189E-2</v>
      </c>
      <c r="N41" s="121">
        <v>0.38600000000000001</v>
      </c>
      <c r="O41" s="94">
        <v>3.2626886033374283E-2</v>
      </c>
      <c r="P41" s="121">
        <v>0.153</v>
      </c>
      <c r="Q41" s="94">
        <v>2.4220247034122039E-2</v>
      </c>
    </row>
    <row r="42" spans="1:17">
      <c r="A42" s="49" t="s">
        <v>444</v>
      </c>
      <c r="B42" s="49">
        <v>17</v>
      </c>
      <c r="C42" s="124">
        <v>0.25</v>
      </c>
      <c r="D42" s="97">
        <v>0.19954326424941091</v>
      </c>
      <c r="E42" s="124">
        <v>0.26</v>
      </c>
      <c r="F42" s="97">
        <v>0.20107002391940584</v>
      </c>
      <c r="G42" s="124">
        <v>0.49</v>
      </c>
      <c r="H42" s="97">
        <v>0.21818928746789759</v>
      </c>
      <c r="I42" s="49">
        <v>100</v>
      </c>
      <c r="J42" s="124">
        <v>0.15</v>
      </c>
      <c r="K42" s="97">
        <v>7.252104837836483E-2</v>
      </c>
      <c r="L42" s="124">
        <v>0.36</v>
      </c>
      <c r="M42" s="97">
        <v>9.4437341503171388E-2</v>
      </c>
      <c r="N42" s="124">
        <v>0.34</v>
      </c>
      <c r="O42" s="97">
        <v>9.3300870007227685E-2</v>
      </c>
      <c r="P42" s="124">
        <v>0.15</v>
      </c>
      <c r="Q42" s="97">
        <v>7.252104837836483E-2</v>
      </c>
    </row>
    <row r="43" spans="1:17">
      <c r="A43" s="45" t="s">
        <v>445</v>
      </c>
      <c r="B43" s="53">
        <v>247</v>
      </c>
      <c r="C43" s="121">
        <v>0.28999999999999998</v>
      </c>
      <c r="D43" s="94">
        <v>5.7476047720992303E-2</v>
      </c>
      <c r="E43" s="121">
        <v>0.49</v>
      </c>
      <c r="F43" s="94">
        <v>6.310721438665004E-2</v>
      </c>
      <c r="G43" s="121">
        <v>0.22</v>
      </c>
      <c r="H43" s="94">
        <v>5.2670348785707921E-2</v>
      </c>
      <c r="I43" s="53">
        <v>302</v>
      </c>
      <c r="J43" s="121">
        <v>7.0000000000000007E-2</v>
      </c>
      <c r="K43" s="94">
        <v>3.0228409838052261E-2</v>
      </c>
      <c r="L43" s="121">
        <v>0.28999999999999998</v>
      </c>
      <c r="M43" s="94">
        <v>5.2023801191079487E-2</v>
      </c>
      <c r="N43" s="121">
        <v>0.51</v>
      </c>
      <c r="O43" s="94">
        <v>5.715505767813879E-2</v>
      </c>
      <c r="P43" s="121">
        <v>0.14000000000000001</v>
      </c>
      <c r="Q43" s="94">
        <v>4.0222597941562653E-2</v>
      </c>
    </row>
    <row r="44" spans="1:17">
      <c r="A44" s="49" t="s">
        <v>440</v>
      </c>
      <c r="B44" s="49">
        <v>89</v>
      </c>
      <c r="C44" s="124">
        <v>0.24</v>
      </c>
      <c r="D44" s="97">
        <v>8.9943829267988787E-2</v>
      </c>
      <c r="E44" s="124">
        <v>0.57999999999999996</v>
      </c>
      <c r="F44" s="97">
        <v>0.10247238245621741</v>
      </c>
      <c r="G44" s="124">
        <v>0.17</v>
      </c>
      <c r="H44" s="97">
        <v>8.0393196395294214E-2</v>
      </c>
      <c r="I44" s="49">
        <v>105</v>
      </c>
      <c r="J44" s="124">
        <v>0.1</v>
      </c>
      <c r="K44" s="97">
        <v>6.1039211096594589E-2</v>
      </c>
      <c r="L44" s="124">
        <v>0.18</v>
      </c>
      <c r="M44" s="97">
        <v>7.5413890497749464E-2</v>
      </c>
      <c r="N44" s="124">
        <v>0.56000000000000005</v>
      </c>
      <c r="O44" s="97">
        <v>9.5140528048308678E-2</v>
      </c>
      <c r="P44" s="124">
        <v>0.16</v>
      </c>
      <c r="Q44" s="97">
        <v>7.2372311228766223E-2</v>
      </c>
    </row>
    <row r="45" spans="1:17">
      <c r="A45" s="45" t="s">
        <v>441</v>
      </c>
      <c r="B45" s="53">
        <v>76</v>
      </c>
      <c r="C45" s="121">
        <v>0.49</v>
      </c>
      <c r="D45" s="94">
        <v>0.11178321653987239</v>
      </c>
      <c r="E45" s="121">
        <v>0.34</v>
      </c>
      <c r="F45" s="94">
        <v>0.10651197115817544</v>
      </c>
      <c r="G45" s="121">
        <v>0.16</v>
      </c>
      <c r="H45" s="94">
        <v>8.5343716816178097E-2</v>
      </c>
      <c r="I45" s="53">
        <v>95</v>
      </c>
      <c r="J45" s="121">
        <v>0</v>
      </c>
      <c r="K45" s="94">
        <v>2.8279912978147775E-2</v>
      </c>
      <c r="L45" s="121">
        <v>0.28000000000000003</v>
      </c>
      <c r="M45" s="94">
        <v>9.1105909900540127E-2</v>
      </c>
      <c r="N45" s="121">
        <v>0.54</v>
      </c>
      <c r="O45" s="94">
        <v>0.10020719564294356</v>
      </c>
      <c r="P45" s="121">
        <v>0.18</v>
      </c>
      <c r="Q45" s="94">
        <v>7.9317182175404483E-2</v>
      </c>
    </row>
    <row r="46" spans="1:17">
      <c r="A46" s="49" t="s">
        <v>442</v>
      </c>
      <c r="B46" s="49">
        <v>60</v>
      </c>
      <c r="C46" s="124">
        <v>0.19</v>
      </c>
      <c r="D46" s="97">
        <v>0.10171562975245005</v>
      </c>
      <c r="E46" s="124">
        <v>0.51</v>
      </c>
      <c r="F46" s="97">
        <v>0.12497802541221997</v>
      </c>
      <c r="G46" s="124">
        <v>0.3</v>
      </c>
      <c r="H46" s="97">
        <v>0.11587810136086973</v>
      </c>
      <c r="I46" s="49">
        <v>78</v>
      </c>
      <c r="J46" s="124">
        <v>0.09</v>
      </c>
      <c r="K46" s="97">
        <v>6.9105786704859687E-2</v>
      </c>
      <c r="L46" s="124">
        <v>0.36</v>
      </c>
      <c r="M46" s="97">
        <v>0.10644260017734458</v>
      </c>
      <c r="N46" s="124">
        <v>0.45</v>
      </c>
      <c r="O46" s="97">
        <v>0.1099307883367704</v>
      </c>
      <c r="P46" s="124">
        <v>0.1</v>
      </c>
      <c r="Q46" s="97">
        <v>7.164581935587605E-2</v>
      </c>
    </row>
    <row r="47" spans="1:17">
      <c r="A47" s="45" t="s">
        <v>446</v>
      </c>
      <c r="B47" s="120">
        <v>85</v>
      </c>
      <c r="C47" s="121">
        <v>0.51</v>
      </c>
      <c r="D47" s="94">
        <v>0.10598044907028469</v>
      </c>
      <c r="E47" s="121">
        <v>0.37</v>
      </c>
      <c r="F47" s="94">
        <v>0.10267981520397935</v>
      </c>
      <c r="G47" s="121">
        <v>0.13</v>
      </c>
      <c r="H47" s="94">
        <v>7.4991860902624996E-2</v>
      </c>
      <c r="I47" s="122">
        <v>111</v>
      </c>
      <c r="J47" s="121">
        <v>0.03</v>
      </c>
      <c r="K47" s="94">
        <v>3.9209450992007018E-2</v>
      </c>
      <c r="L47" s="121">
        <v>0.41</v>
      </c>
      <c r="M47" s="94">
        <v>9.1832300586012217E-2</v>
      </c>
      <c r="N47" s="121">
        <v>0.5</v>
      </c>
      <c r="O47" s="94">
        <v>9.3250480824031381E-2</v>
      </c>
      <c r="P47" s="121">
        <v>0.06</v>
      </c>
      <c r="Q47" s="94">
        <v>4.9214208985537522E-2</v>
      </c>
    </row>
    <row r="48" spans="1:17">
      <c r="A48" s="49" t="s">
        <v>447</v>
      </c>
      <c r="B48" s="123">
        <v>88</v>
      </c>
      <c r="C48" s="124">
        <v>0.26</v>
      </c>
      <c r="D48" s="97">
        <v>9.2618856884612397E-2</v>
      </c>
      <c r="E48" s="124">
        <v>0.48</v>
      </c>
      <c r="F48" s="97">
        <v>0.10418086832315447</v>
      </c>
      <c r="G48" s="124">
        <v>0.26</v>
      </c>
      <c r="H48" s="97">
        <v>9.2618856884612397E-2</v>
      </c>
      <c r="I48" s="125">
        <v>107</v>
      </c>
      <c r="J48" s="124">
        <v>0.03</v>
      </c>
      <c r="K48" s="97">
        <v>4.0150106139186306E-2</v>
      </c>
      <c r="L48" s="124">
        <v>0.39</v>
      </c>
      <c r="M48" s="97">
        <v>9.2756847504550863E-2</v>
      </c>
      <c r="N48" s="124">
        <v>0.31</v>
      </c>
      <c r="O48" s="97">
        <v>8.8318612913864905E-2</v>
      </c>
      <c r="P48" s="124">
        <v>0.27</v>
      </c>
      <c r="Q48" s="97">
        <v>8.5074194834048961E-2</v>
      </c>
    </row>
    <row r="49" spans="1:17" ht="25.5">
      <c r="A49" s="45" t="s">
        <v>448</v>
      </c>
      <c r="B49" s="83">
        <v>118</v>
      </c>
      <c r="C49" s="98">
        <v>0.31</v>
      </c>
      <c r="D49" s="94">
        <v>8.41989070335942E-2</v>
      </c>
      <c r="E49" s="98">
        <v>0.37</v>
      </c>
      <c r="F49" s="94">
        <v>8.7626261046457002E-2</v>
      </c>
      <c r="G49" s="98">
        <v>0.32</v>
      </c>
      <c r="H49" s="94">
        <v>8.4870153632511214E-2</v>
      </c>
      <c r="I49" s="83">
        <v>145</v>
      </c>
      <c r="J49" s="98">
        <v>7.0000000000000007E-2</v>
      </c>
      <c r="K49" s="94">
        <v>4.4839538377112229E-2</v>
      </c>
      <c r="L49" s="98">
        <v>0.44</v>
      </c>
      <c r="M49" s="94">
        <v>8.1362672065971628E-2</v>
      </c>
      <c r="N49" s="98">
        <v>0.4</v>
      </c>
      <c r="O49" s="94">
        <v>8.0356538700483371E-2</v>
      </c>
      <c r="P49" s="98">
        <v>0.1</v>
      </c>
      <c r="Q49" s="94">
        <v>5.1416262516437272E-2</v>
      </c>
    </row>
    <row r="50" spans="1:17">
      <c r="A50" s="49" t="s">
        <v>449</v>
      </c>
      <c r="B50" s="123">
        <v>71</v>
      </c>
      <c r="C50" s="124">
        <v>0.43</v>
      </c>
      <c r="D50" s="97">
        <v>0.11445144039026948</v>
      </c>
      <c r="E50" s="124">
        <v>0.47</v>
      </c>
      <c r="F50" s="97">
        <v>0.11528363630628589</v>
      </c>
      <c r="G50" s="124">
        <v>0.1</v>
      </c>
      <c r="H50" s="97">
        <v>7.5405236088945643E-2</v>
      </c>
      <c r="I50" s="125">
        <v>194</v>
      </c>
      <c r="J50" s="124">
        <v>0.12</v>
      </c>
      <c r="K50" s="97">
        <v>4.7434252354303263E-2</v>
      </c>
      <c r="L50" s="124">
        <v>0.46</v>
      </c>
      <c r="M50" s="97">
        <v>7.0848250617475725E-2</v>
      </c>
      <c r="N50" s="124">
        <v>0.34</v>
      </c>
      <c r="O50" s="97">
        <v>6.7483465318036312E-2</v>
      </c>
      <c r="P50" s="124">
        <v>0.08</v>
      </c>
      <c r="Q50" s="97">
        <v>4.0365822145023558E-2</v>
      </c>
    </row>
    <row r="51" spans="1:17">
      <c r="A51" s="57" t="s">
        <v>450</v>
      </c>
      <c r="B51" s="120">
        <v>93</v>
      </c>
      <c r="C51" s="121">
        <v>0.46</v>
      </c>
      <c r="D51" s="94">
        <v>0.10123550943041244</v>
      </c>
      <c r="E51" s="121">
        <v>0.38</v>
      </c>
      <c r="F51" s="94">
        <v>9.8810062860988146E-2</v>
      </c>
      <c r="G51" s="121">
        <v>0.16</v>
      </c>
      <c r="H51" s="94">
        <v>7.6989072159048016E-2</v>
      </c>
      <c r="I51" s="122">
        <v>133</v>
      </c>
      <c r="J51" s="121">
        <v>7.0000000000000007E-2</v>
      </c>
      <c r="K51" s="94">
        <v>4.7025217239316776E-2</v>
      </c>
      <c r="L51" s="121">
        <v>0.36</v>
      </c>
      <c r="M51" s="94">
        <v>8.2218831583864324E-2</v>
      </c>
      <c r="N51" s="121">
        <v>0.35</v>
      </c>
      <c r="O51" s="94">
        <v>8.1732104324775623E-2</v>
      </c>
      <c r="P51" s="121">
        <v>0.21</v>
      </c>
      <c r="Q51" s="94">
        <v>7.0605154010577195E-2</v>
      </c>
    </row>
    <row r="52" spans="1:17">
      <c r="A52" s="49" t="s">
        <v>443</v>
      </c>
      <c r="B52" s="123">
        <v>58</v>
      </c>
      <c r="C52" s="124">
        <v>0.53</v>
      </c>
      <c r="D52" s="97">
        <v>0.12679991425010922</v>
      </c>
      <c r="E52" s="124">
        <v>0.42</v>
      </c>
      <c r="F52" s="97">
        <v>0.12556945579235548</v>
      </c>
      <c r="G52" s="124">
        <v>0.05</v>
      </c>
      <c r="H52" s="97">
        <v>6.8526500760179118E-2</v>
      </c>
      <c r="I52" s="125">
        <v>74</v>
      </c>
      <c r="J52" s="124">
        <v>0.12</v>
      </c>
      <c r="K52" s="97">
        <v>7.8456424700035568E-2</v>
      </c>
      <c r="L52" s="124">
        <v>0.28000000000000003</v>
      </c>
      <c r="M52" s="97">
        <v>0.10289073564309878</v>
      </c>
      <c r="N52" s="124">
        <v>0.32</v>
      </c>
      <c r="O52" s="97">
        <v>0.10641907237547062</v>
      </c>
      <c r="P52" s="124">
        <v>0.28000000000000003</v>
      </c>
      <c r="Q52" s="97">
        <v>0.10289073564309878</v>
      </c>
    </row>
    <row r="53" spans="1:17">
      <c r="A53" s="57" t="s">
        <v>451</v>
      </c>
      <c r="B53" s="120">
        <v>119</v>
      </c>
      <c r="C53" s="121">
        <v>0.72</v>
      </c>
      <c r="D53" s="94">
        <v>8.1589251048887534E-2</v>
      </c>
      <c r="E53" s="121">
        <v>0.23</v>
      </c>
      <c r="F53" s="94">
        <v>7.6883264155924572E-2</v>
      </c>
      <c r="G53" s="121">
        <v>0.05</v>
      </c>
      <c r="H53" s="94">
        <v>4.4340358927948555E-2</v>
      </c>
      <c r="I53" s="122">
        <v>152</v>
      </c>
      <c r="J53" s="121">
        <v>0.11</v>
      </c>
      <c r="K53" s="94">
        <v>5.2035490847039269E-2</v>
      </c>
      <c r="L53" s="121">
        <v>0.41</v>
      </c>
      <c r="M53" s="94">
        <v>7.8823083169192093E-2</v>
      </c>
      <c r="N53" s="121">
        <v>0.41</v>
      </c>
      <c r="O53" s="94">
        <v>7.8823083169192093E-2</v>
      </c>
      <c r="P53" s="121">
        <v>7.0000000000000007E-2</v>
      </c>
      <c r="Q53" s="94">
        <v>4.3694888078063397E-2</v>
      </c>
    </row>
    <row r="61" spans="1:17" ht="18.75">
      <c r="A61" s="316" t="s">
        <v>36</v>
      </c>
      <c r="B61" s="316"/>
      <c r="C61" s="316"/>
      <c r="D61" s="316"/>
      <c r="E61" s="316"/>
      <c r="F61" s="316"/>
      <c r="G61" s="316"/>
      <c r="H61" s="316"/>
    </row>
    <row r="62" spans="1:17" ht="69.75" customHeight="1">
      <c r="A62" s="357" t="s">
        <v>391</v>
      </c>
      <c r="B62" s="357"/>
      <c r="C62" s="357"/>
      <c r="D62" s="357"/>
      <c r="E62" s="357"/>
      <c r="F62" s="357"/>
      <c r="G62" s="357"/>
      <c r="H62" s="357"/>
    </row>
    <row r="63" spans="1:17" ht="40.5" customHeight="1">
      <c r="A63" s="107"/>
      <c r="B63" s="355" t="s">
        <v>408</v>
      </c>
      <c r="C63" s="356"/>
      <c r="D63" s="356"/>
      <c r="E63" s="356"/>
      <c r="F63" s="356"/>
      <c r="G63" s="356"/>
      <c r="H63" s="356"/>
    </row>
    <row r="64" spans="1:17" ht="39" customHeight="1">
      <c r="A64" s="37" t="s">
        <v>85</v>
      </c>
      <c r="B64" s="38" t="s">
        <v>86</v>
      </c>
      <c r="C64" s="65" t="s">
        <v>219</v>
      </c>
      <c r="D64" s="88" t="s">
        <v>132</v>
      </c>
      <c r="E64" s="65" t="s">
        <v>220</v>
      </c>
      <c r="F64" s="88" t="s">
        <v>332</v>
      </c>
      <c r="G64" s="65" t="s">
        <v>221</v>
      </c>
      <c r="H64" s="88" t="s">
        <v>333</v>
      </c>
    </row>
    <row r="65" spans="1:8" ht="60">
      <c r="A65" s="41"/>
      <c r="B65" s="42" t="s">
        <v>89</v>
      </c>
      <c r="C65" s="272" t="s">
        <v>201</v>
      </c>
      <c r="D65" s="90" t="s">
        <v>104</v>
      </c>
      <c r="E65" s="68" t="s">
        <v>216</v>
      </c>
      <c r="F65" s="90" t="s">
        <v>104</v>
      </c>
      <c r="G65" s="68" t="s">
        <v>217</v>
      </c>
      <c r="H65" s="90" t="s">
        <v>104</v>
      </c>
    </row>
    <row r="66" spans="1:8">
      <c r="A66" s="45" t="s">
        <v>435</v>
      </c>
      <c r="B66" s="127">
        <v>8997</v>
      </c>
      <c r="C66" s="121">
        <v>0.56000000000000005</v>
      </c>
      <c r="D66" s="94">
        <v>1.0464242263632699E-2</v>
      </c>
      <c r="E66" s="121">
        <v>0.22</v>
      </c>
      <c r="F66" s="94">
        <v>8.7343661825739962E-3</v>
      </c>
      <c r="G66" s="121">
        <v>0.22</v>
      </c>
      <c r="H66" s="94">
        <v>8.7343661825739962E-3</v>
      </c>
    </row>
    <row r="67" spans="1:8">
      <c r="A67" s="49" t="s">
        <v>436</v>
      </c>
      <c r="B67" s="49">
        <v>8387</v>
      </c>
      <c r="C67" s="124">
        <v>0.56000000000000005</v>
      </c>
      <c r="D67" s="97">
        <v>1.0837934223118812E-2</v>
      </c>
      <c r="E67" s="124">
        <v>0.22</v>
      </c>
      <c r="F67" s="97">
        <v>9.0464111124660667E-3</v>
      </c>
      <c r="G67" s="124">
        <v>0.22</v>
      </c>
      <c r="H67" s="97">
        <v>9.0464111124660667E-3</v>
      </c>
    </row>
    <row r="68" spans="1:8">
      <c r="A68" s="45" t="s">
        <v>437</v>
      </c>
      <c r="B68" s="53">
        <v>802</v>
      </c>
      <c r="C68" s="121">
        <v>0.47499999999999998</v>
      </c>
      <c r="D68" s="94">
        <v>3.5179877233827088E-2</v>
      </c>
      <c r="E68" s="121">
        <v>0.246</v>
      </c>
      <c r="F68" s="94">
        <v>3.0392206159740576E-2</v>
      </c>
      <c r="G68" s="121">
        <v>0.28000000000000003</v>
      </c>
      <c r="H68" s="94">
        <v>3.1668193291585024E-2</v>
      </c>
    </row>
    <row r="69" spans="1:8">
      <c r="A69" s="49" t="s">
        <v>438</v>
      </c>
      <c r="B69" s="49">
        <v>942</v>
      </c>
      <c r="C69" s="124">
        <v>0.49</v>
      </c>
      <c r="D69" s="97">
        <v>3.2506356111461923E-2</v>
      </c>
      <c r="E69" s="124">
        <v>0.25</v>
      </c>
      <c r="F69" s="97">
        <v>2.8196488453558301E-2</v>
      </c>
      <c r="G69" s="124">
        <v>0.26</v>
      </c>
      <c r="H69" s="97">
        <v>2.8558465218409525E-2</v>
      </c>
    </row>
    <row r="70" spans="1:8">
      <c r="A70" s="45" t="s">
        <v>439</v>
      </c>
      <c r="B70" s="53">
        <v>884</v>
      </c>
      <c r="C70" s="121">
        <v>0.48399999999999999</v>
      </c>
      <c r="D70" s="94">
        <v>3.3540771284244403E-2</v>
      </c>
      <c r="E70" s="121">
        <v>0.25800000000000001</v>
      </c>
      <c r="F70" s="94">
        <v>2.9405706324569774E-2</v>
      </c>
      <c r="G70" s="121">
        <v>0.25800000000000001</v>
      </c>
      <c r="H70" s="94">
        <v>2.9405706324569774E-2</v>
      </c>
    </row>
    <row r="71" spans="1:8">
      <c r="A71" s="49" t="s">
        <v>444</v>
      </c>
      <c r="B71" s="49">
        <v>17</v>
      </c>
      <c r="C71" s="124">
        <v>0.47</v>
      </c>
      <c r="D71" s="97">
        <v>0.21796033019648001</v>
      </c>
      <c r="E71" s="124">
        <v>0.33</v>
      </c>
      <c r="F71" s="97">
        <v>0.20978946259452655</v>
      </c>
      <c r="G71" s="124">
        <v>0.2</v>
      </c>
      <c r="H71" s="97">
        <v>0.19074810523343549</v>
      </c>
    </row>
    <row r="72" spans="1:8">
      <c r="A72" s="45" t="s">
        <v>445</v>
      </c>
      <c r="B72" s="53">
        <v>286</v>
      </c>
      <c r="C72" s="121">
        <v>0.51</v>
      </c>
      <c r="D72" s="94">
        <v>5.8710598185091771E-2</v>
      </c>
      <c r="E72" s="121">
        <v>0.26</v>
      </c>
      <c r="F72" s="94">
        <v>5.1725803223291504E-2</v>
      </c>
      <c r="G72" s="121">
        <v>0.23</v>
      </c>
      <c r="H72" s="94">
        <v>4.9702170254347325E-2</v>
      </c>
    </row>
    <row r="73" spans="1:8">
      <c r="A73" s="49" t="s">
        <v>440</v>
      </c>
      <c r="B73" s="49">
        <v>100</v>
      </c>
      <c r="C73" s="124">
        <v>0.52</v>
      </c>
      <c r="D73" s="97">
        <v>9.7985512570205408E-2</v>
      </c>
      <c r="E73" s="124">
        <v>0.28999999999999998</v>
      </c>
      <c r="F73" s="97">
        <v>8.9706159424473866E-2</v>
      </c>
      <c r="G73" s="124">
        <v>0.19</v>
      </c>
      <c r="H73" s="97">
        <v>7.8727902376816941E-2</v>
      </c>
    </row>
    <row r="74" spans="1:8">
      <c r="A74" s="45" t="s">
        <v>441</v>
      </c>
      <c r="B74" s="53">
        <v>94</v>
      </c>
      <c r="C74" s="121">
        <v>0.55000000000000004</v>
      </c>
      <c r="D74" s="94">
        <v>0.10054949369185681</v>
      </c>
      <c r="E74" s="121">
        <v>0.28000000000000003</v>
      </c>
      <c r="F74" s="94">
        <v>9.1578089202516325E-2</v>
      </c>
      <c r="G74" s="121">
        <v>0.17</v>
      </c>
      <c r="H74" s="94">
        <v>7.8196083077400738E-2</v>
      </c>
    </row>
    <row r="75" spans="1:8">
      <c r="A75" s="49" t="s">
        <v>442</v>
      </c>
      <c r="B75" s="49">
        <v>69</v>
      </c>
      <c r="C75" s="124">
        <v>0.43</v>
      </c>
      <c r="D75" s="97">
        <v>0.11601187335264207</v>
      </c>
      <c r="E75" s="124">
        <v>0.2</v>
      </c>
      <c r="F75" s="97">
        <v>9.6398941091564688E-2</v>
      </c>
      <c r="G75" s="124">
        <v>0.37</v>
      </c>
      <c r="H75" s="97">
        <v>0.11345177324749615</v>
      </c>
    </row>
    <row r="76" spans="1:8">
      <c r="A76" s="45" t="s">
        <v>446</v>
      </c>
      <c r="B76" s="127">
        <v>95</v>
      </c>
      <c r="C76" s="121">
        <v>0.46</v>
      </c>
      <c r="D76" s="94">
        <v>0.10020719564294357</v>
      </c>
      <c r="E76" s="121">
        <v>0.39</v>
      </c>
      <c r="F76" s="94">
        <v>9.8238634357664556E-2</v>
      </c>
      <c r="G76" s="121">
        <v>0.15</v>
      </c>
      <c r="H76" s="94">
        <v>7.4453974747896709E-2</v>
      </c>
    </row>
    <row r="77" spans="1:8">
      <c r="A77" s="49" t="s">
        <v>447</v>
      </c>
      <c r="B77" s="129">
        <v>103</v>
      </c>
      <c r="C77" s="124">
        <v>0.59</v>
      </c>
      <c r="D77" s="97">
        <v>9.5211380712722934E-2</v>
      </c>
      <c r="E77" s="124">
        <v>0.18</v>
      </c>
      <c r="F77" s="97">
        <v>7.6148642286388596E-2</v>
      </c>
      <c r="G77" s="124">
        <v>0.23</v>
      </c>
      <c r="H77" s="97">
        <v>8.2586367003402592E-2</v>
      </c>
    </row>
    <row r="78" spans="1:8" ht="25.5">
      <c r="A78" s="45" t="s">
        <v>448</v>
      </c>
      <c r="B78" s="83">
        <v>128</v>
      </c>
      <c r="C78" s="98">
        <v>0.48</v>
      </c>
      <c r="D78" s="94">
        <v>8.6973328394187366E-2</v>
      </c>
      <c r="E78" s="98">
        <v>0.25</v>
      </c>
      <c r="F78" s="94">
        <v>7.6123999059953248E-2</v>
      </c>
      <c r="G78" s="98">
        <v>0.26</v>
      </c>
      <c r="H78" s="94">
        <v>7.7035610917038755E-2</v>
      </c>
    </row>
    <row r="79" spans="1:8">
      <c r="A79" s="49" t="s">
        <v>449</v>
      </c>
      <c r="B79" s="129">
        <v>74</v>
      </c>
      <c r="C79" s="124">
        <v>0.33</v>
      </c>
      <c r="D79" s="97">
        <v>0.10717541335305235</v>
      </c>
      <c r="E79" s="124">
        <v>0.19</v>
      </c>
      <c r="F79" s="97">
        <v>9.1568576456509634E-2</v>
      </c>
      <c r="G79" s="124">
        <v>0.48</v>
      </c>
      <c r="H79" s="97">
        <v>0.11314614413850292</v>
      </c>
    </row>
    <row r="80" spans="1:8">
      <c r="A80" s="57" t="s">
        <v>450</v>
      </c>
      <c r="B80" s="127">
        <v>112</v>
      </c>
      <c r="C80" s="121">
        <v>0.55000000000000004</v>
      </c>
      <c r="D80" s="94">
        <v>9.2413881839274487E-2</v>
      </c>
      <c r="E80" s="121">
        <v>0.19</v>
      </c>
      <c r="F80" s="94">
        <v>7.4374012303888876E-2</v>
      </c>
      <c r="G80" s="121">
        <v>0.26</v>
      </c>
      <c r="H80" s="94">
        <v>8.2274545420452067E-2</v>
      </c>
    </row>
    <row r="81" spans="1:8">
      <c r="A81" s="49" t="s">
        <v>443</v>
      </c>
      <c r="B81" s="129">
        <v>73</v>
      </c>
      <c r="C81" s="124">
        <v>0.61</v>
      </c>
      <c r="D81" s="97">
        <v>0.11145425706526325</v>
      </c>
      <c r="E81" s="124">
        <v>0.19</v>
      </c>
      <c r="F81" s="97">
        <v>9.2195467143467005E-2</v>
      </c>
      <c r="G81" s="124">
        <v>0.2</v>
      </c>
      <c r="H81" s="97">
        <v>9.3727367925605917E-2</v>
      </c>
    </row>
    <row r="82" spans="1:8">
      <c r="A82" s="57" t="s">
        <v>451</v>
      </c>
      <c r="B82" s="127">
        <v>128</v>
      </c>
      <c r="C82" s="121">
        <v>0.47</v>
      </c>
      <c r="D82" s="94">
        <v>8.6891384482123052E-2</v>
      </c>
      <c r="E82" s="121">
        <v>0.23</v>
      </c>
      <c r="F82" s="94">
        <v>7.4152022320533473E-2</v>
      </c>
      <c r="G82" s="121">
        <v>0.3</v>
      </c>
      <c r="H82" s="94">
        <v>8.0224592216575172E-2</v>
      </c>
    </row>
    <row r="90" spans="1:8" ht="18.75">
      <c r="A90" s="316" t="s">
        <v>10</v>
      </c>
      <c r="B90" s="316"/>
      <c r="C90" s="316"/>
      <c r="D90" s="316"/>
    </row>
    <row r="91" spans="1:8" ht="102" customHeight="1">
      <c r="A91" s="354" t="s">
        <v>474</v>
      </c>
      <c r="B91" s="354"/>
      <c r="C91" s="354"/>
      <c r="D91" s="354"/>
    </row>
    <row r="92" spans="1:8" ht="37.5" customHeight="1">
      <c r="A92" s="353" t="s">
        <v>133</v>
      </c>
      <c r="B92" s="353"/>
      <c r="C92" s="353"/>
      <c r="D92" s="353"/>
    </row>
    <row r="93" spans="1:8" ht="36" customHeight="1">
      <c r="A93" s="37" t="s">
        <v>85</v>
      </c>
      <c r="B93" s="38" t="s">
        <v>86</v>
      </c>
      <c r="C93" s="39" t="s">
        <v>87</v>
      </c>
      <c r="D93" s="40" t="s">
        <v>88</v>
      </c>
    </row>
    <row r="94" spans="1:8" ht="60">
      <c r="A94" s="41"/>
      <c r="B94" s="42" t="s">
        <v>89</v>
      </c>
      <c r="C94" s="43" t="s">
        <v>134</v>
      </c>
      <c r="D94" s="44" t="s">
        <v>91</v>
      </c>
    </row>
    <row r="95" spans="1:8">
      <c r="A95" s="45" t="s">
        <v>435</v>
      </c>
      <c r="B95" s="127">
        <v>11074</v>
      </c>
      <c r="C95" s="84">
        <v>3.58</v>
      </c>
      <c r="D95" s="85">
        <v>1.9599999999999999E-2</v>
      </c>
    </row>
    <row r="96" spans="1:8">
      <c r="A96" s="49" t="s">
        <v>436</v>
      </c>
      <c r="B96" s="49">
        <v>8741</v>
      </c>
      <c r="C96" s="118">
        <v>3.534729</v>
      </c>
      <c r="D96" s="119">
        <v>2.8834931999999997E-2</v>
      </c>
    </row>
    <row r="97" spans="1:30">
      <c r="A97" s="45" t="s">
        <v>437</v>
      </c>
      <c r="B97" s="53">
        <v>836</v>
      </c>
      <c r="C97" s="84">
        <v>3.51</v>
      </c>
      <c r="D97" s="85">
        <v>9.8000000000000004E-2</v>
      </c>
    </row>
    <row r="98" spans="1:30">
      <c r="A98" s="49" t="s">
        <v>438</v>
      </c>
      <c r="B98" s="49">
        <v>1267</v>
      </c>
      <c r="C98" s="118">
        <v>3.22</v>
      </c>
      <c r="D98" s="119">
        <v>9.8000000000000004E-2</v>
      </c>
    </row>
    <row r="99" spans="1:30">
      <c r="A99" s="45" t="s">
        <v>439</v>
      </c>
      <c r="B99" s="53">
        <v>901</v>
      </c>
      <c r="C99" s="84">
        <v>3.19</v>
      </c>
      <c r="D99" s="85">
        <v>9.8000000000000004E-2</v>
      </c>
    </row>
    <row r="100" spans="1:30">
      <c r="A100" s="49" t="s">
        <v>444</v>
      </c>
      <c r="B100" s="49">
        <v>103</v>
      </c>
      <c r="C100" s="118">
        <v>3.21</v>
      </c>
      <c r="D100" s="119">
        <v>0.68599999999999994</v>
      </c>
    </row>
    <row r="101" spans="1:30">
      <c r="A101" s="45" t="s">
        <v>445</v>
      </c>
      <c r="B101" s="53">
        <v>307</v>
      </c>
      <c r="C101" s="84">
        <v>3.71</v>
      </c>
      <c r="D101" s="85">
        <v>0.1764</v>
      </c>
    </row>
    <row r="102" spans="1:30">
      <c r="A102" s="49" t="s">
        <v>440</v>
      </c>
      <c r="B102" s="49">
        <v>106</v>
      </c>
      <c r="C102" s="118">
        <v>3.38</v>
      </c>
      <c r="D102" s="119">
        <v>0.25480000000000003</v>
      </c>
    </row>
    <row r="103" spans="1:30">
      <c r="A103" s="45" t="s">
        <v>441</v>
      </c>
      <c r="B103" s="53">
        <v>96</v>
      </c>
      <c r="C103" s="84">
        <v>4.32</v>
      </c>
      <c r="D103" s="85">
        <v>0.27440000000000003</v>
      </c>
    </row>
    <row r="104" spans="1:30">
      <c r="A104" s="49" t="s">
        <v>442</v>
      </c>
      <c r="B104" s="49">
        <v>81</v>
      </c>
      <c r="C104" s="118">
        <v>3.8</v>
      </c>
      <c r="D104" s="119">
        <v>0.3528</v>
      </c>
    </row>
    <row r="105" spans="1:30">
      <c r="A105" s="45" t="s">
        <v>446</v>
      </c>
      <c r="B105" s="127">
        <v>117</v>
      </c>
      <c r="C105" s="115">
        <v>2.9</v>
      </c>
      <c r="D105" s="116">
        <v>0.27440000000000003</v>
      </c>
    </row>
    <row r="106" spans="1:30">
      <c r="A106" s="49" t="s">
        <v>447</v>
      </c>
      <c r="B106" s="129">
        <v>108</v>
      </c>
      <c r="C106" s="118">
        <v>3.09</v>
      </c>
      <c r="D106" s="119">
        <v>0.23519999999999999</v>
      </c>
    </row>
    <row r="107" spans="1:30" ht="25.5">
      <c r="A107" s="45" t="s">
        <v>448</v>
      </c>
      <c r="B107" s="83">
        <v>149</v>
      </c>
      <c r="C107" s="84">
        <v>3.06</v>
      </c>
      <c r="D107" s="85">
        <v>0.23519999999999999</v>
      </c>
    </row>
    <row r="108" spans="1:30">
      <c r="A108" s="49" t="s">
        <v>449</v>
      </c>
      <c r="B108" s="129">
        <v>195</v>
      </c>
      <c r="C108" s="118">
        <v>3.02</v>
      </c>
      <c r="D108" s="119">
        <v>0.3528</v>
      </c>
    </row>
    <row r="109" spans="1:30">
      <c r="A109" s="57" t="s">
        <v>450</v>
      </c>
      <c r="B109" s="127">
        <v>135</v>
      </c>
      <c r="C109" s="115">
        <v>3.26</v>
      </c>
      <c r="D109" s="116">
        <v>0.27440000000000003</v>
      </c>
    </row>
    <row r="110" spans="1:30">
      <c r="A110" s="49" t="s">
        <v>443</v>
      </c>
      <c r="B110" s="129">
        <v>76</v>
      </c>
      <c r="C110" s="118">
        <v>3.08</v>
      </c>
      <c r="D110" s="119">
        <v>0.31359999999999999</v>
      </c>
    </row>
    <row r="111" spans="1:30">
      <c r="A111" s="57" t="s">
        <v>451</v>
      </c>
      <c r="B111" s="127">
        <v>153</v>
      </c>
      <c r="C111" s="115">
        <v>2.85</v>
      </c>
      <c r="D111" s="116">
        <v>0.23519999999999999</v>
      </c>
    </row>
    <row r="112" spans="1:30">
      <c r="P112" s="248"/>
      <c r="Q112" s="248"/>
      <c r="R112" s="248"/>
      <c r="S112" s="248"/>
      <c r="T112" s="248"/>
      <c r="U112" s="248"/>
      <c r="V112" s="248"/>
      <c r="W112" s="248"/>
      <c r="X112" s="248"/>
      <c r="Y112" s="248"/>
      <c r="Z112" s="248"/>
      <c r="AA112" s="248"/>
      <c r="AB112" s="248"/>
      <c r="AC112" s="248"/>
      <c r="AD112" s="248"/>
    </row>
    <row r="113" spans="1:30">
      <c r="P113" s="248"/>
      <c r="Q113" s="248"/>
      <c r="R113" s="248"/>
      <c r="S113" s="248"/>
      <c r="T113" s="248"/>
      <c r="U113" s="248"/>
      <c r="V113" s="248"/>
      <c r="W113" s="248"/>
      <c r="X113" s="248"/>
      <c r="Y113" s="248"/>
      <c r="Z113" s="248"/>
      <c r="AA113" s="248"/>
      <c r="AB113" s="248"/>
      <c r="AC113" s="248"/>
      <c r="AD113" s="248"/>
    </row>
    <row r="114" spans="1:30">
      <c r="P114" s="248"/>
      <c r="Q114" s="248"/>
      <c r="R114" s="248"/>
      <c r="S114" s="248"/>
      <c r="T114" s="248"/>
      <c r="U114" s="248"/>
      <c r="V114" s="248"/>
      <c r="W114" s="248"/>
      <c r="X114" s="248"/>
      <c r="Y114" s="248"/>
      <c r="Z114" s="248"/>
      <c r="AA114" s="248"/>
      <c r="AB114" s="248"/>
      <c r="AC114" s="248"/>
      <c r="AD114" s="248"/>
    </row>
    <row r="115" spans="1:30">
      <c r="P115" s="248"/>
      <c r="Q115" s="248"/>
      <c r="R115" s="248"/>
      <c r="S115" s="248"/>
      <c r="T115" s="248"/>
      <c r="U115" s="248"/>
      <c r="V115" s="248"/>
      <c r="W115" s="248"/>
      <c r="X115" s="248"/>
      <c r="Y115" s="248"/>
      <c r="Z115" s="248"/>
      <c r="AA115" s="248"/>
      <c r="AB115" s="248"/>
      <c r="AC115" s="248"/>
      <c r="AD115" s="248"/>
    </row>
    <row r="116" spans="1:30">
      <c r="P116" s="248"/>
      <c r="Q116" s="248"/>
      <c r="R116" s="248"/>
      <c r="S116" s="248"/>
      <c r="T116" s="248"/>
      <c r="U116" s="248"/>
      <c r="V116" s="248"/>
      <c r="W116" s="248"/>
      <c r="X116" s="248"/>
      <c r="Y116" s="248"/>
      <c r="Z116" s="248"/>
      <c r="AA116" s="248"/>
      <c r="AB116" s="248"/>
      <c r="AC116" s="248"/>
      <c r="AD116" s="248"/>
    </row>
    <row r="117" spans="1:30">
      <c r="P117" s="248"/>
      <c r="Q117" s="248"/>
      <c r="R117" s="248"/>
      <c r="S117" s="248"/>
      <c r="T117" s="248"/>
      <c r="U117" s="248"/>
      <c r="V117" s="248"/>
      <c r="W117" s="248"/>
      <c r="X117" s="248"/>
      <c r="Y117" s="248"/>
      <c r="Z117" s="248"/>
      <c r="AA117" s="248"/>
      <c r="AB117" s="248"/>
      <c r="AC117" s="248"/>
      <c r="AD117" s="248"/>
    </row>
    <row r="118" spans="1:30">
      <c r="P118" s="248"/>
      <c r="Q118" s="248"/>
      <c r="R118" s="248"/>
      <c r="S118" s="248"/>
      <c r="T118" s="248"/>
      <c r="U118" s="248"/>
      <c r="V118" s="248"/>
      <c r="W118" s="248"/>
      <c r="X118" s="248"/>
      <c r="Y118" s="248"/>
      <c r="Z118" s="248"/>
      <c r="AA118" s="248"/>
      <c r="AB118" s="248"/>
      <c r="AC118" s="248"/>
      <c r="AD118" s="248"/>
    </row>
    <row r="119" spans="1:30" ht="18.75">
      <c r="A119" s="324" t="s">
        <v>37</v>
      </c>
      <c r="B119" s="324"/>
      <c r="C119" s="324"/>
      <c r="D119" s="324"/>
      <c r="E119" s="324"/>
      <c r="F119" s="324"/>
      <c r="G119" s="324"/>
      <c r="H119" s="324"/>
      <c r="I119" s="324"/>
      <c r="J119" s="324"/>
      <c r="K119" s="324"/>
      <c r="L119" s="324"/>
      <c r="M119" s="324"/>
      <c r="N119" s="324"/>
      <c r="O119" s="324"/>
      <c r="P119" s="324"/>
      <c r="Q119" s="324"/>
      <c r="R119" s="324"/>
      <c r="S119" s="324"/>
      <c r="T119" s="226"/>
      <c r="U119" s="226"/>
      <c r="V119" s="226"/>
      <c r="W119" s="226"/>
      <c r="X119" s="226"/>
      <c r="Y119" s="226"/>
      <c r="Z119" s="226"/>
      <c r="AA119" s="226"/>
      <c r="AB119" s="248"/>
    </row>
    <row r="120" spans="1:30" ht="72" customHeight="1">
      <c r="A120" s="351" t="s">
        <v>383</v>
      </c>
      <c r="B120" s="351"/>
      <c r="C120" s="351"/>
      <c r="D120" s="351"/>
      <c r="E120" s="351"/>
      <c r="F120" s="351"/>
      <c r="G120" s="351"/>
      <c r="H120" s="351"/>
      <c r="I120" s="351"/>
      <c r="J120" s="351"/>
      <c r="K120" s="351"/>
      <c r="L120" s="351"/>
      <c r="M120" s="351"/>
      <c r="N120" s="351"/>
      <c r="O120" s="351"/>
      <c r="P120" s="351"/>
      <c r="Q120" s="351"/>
      <c r="R120" s="351"/>
      <c r="S120" s="351"/>
      <c r="T120" s="229"/>
      <c r="U120" s="229"/>
      <c r="V120" s="229"/>
      <c r="W120" s="229"/>
      <c r="X120" s="229"/>
      <c r="Y120" s="229"/>
      <c r="Z120" s="229"/>
      <c r="AA120" s="229"/>
      <c r="AB120" s="248"/>
    </row>
    <row r="121" spans="1:30" ht="41.25" customHeight="1">
      <c r="A121" s="64"/>
      <c r="B121" s="346" t="s">
        <v>245</v>
      </c>
      <c r="C121" s="347"/>
      <c r="D121" s="347"/>
      <c r="E121" s="347"/>
      <c r="F121" s="347"/>
      <c r="G121" s="347"/>
      <c r="H121" s="347"/>
      <c r="I121" s="347"/>
      <c r="J121" s="348"/>
      <c r="K121" s="349" t="s">
        <v>218</v>
      </c>
      <c r="L121" s="352"/>
      <c r="M121" s="352"/>
      <c r="N121" s="352"/>
      <c r="O121" s="352"/>
      <c r="P121" s="352"/>
      <c r="Q121" s="352"/>
      <c r="R121" s="352"/>
      <c r="S121" s="352"/>
      <c r="T121" s="248"/>
      <c r="U121" s="248"/>
      <c r="V121" s="248"/>
      <c r="W121" s="248"/>
      <c r="X121" s="248"/>
      <c r="Y121" s="248"/>
      <c r="Z121" s="248"/>
      <c r="AA121" s="248"/>
      <c r="AB121" s="248"/>
    </row>
    <row r="122" spans="1:30" ht="40.5" customHeight="1">
      <c r="A122" s="37" t="s">
        <v>85</v>
      </c>
      <c r="B122" s="38" t="s">
        <v>86</v>
      </c>
      <c r="C122" s="38" t="s">
        <v>178</v>
      </c>
      <c r="D122" s="89" t="s">
        <v>101</v>
      </c>
      <c r="E122" s="38" t="s">
        <v>179</v>
      </c>
      <c r="F122" s="89" t="s">
        <v>102</v>
      </c>
      <c r="G122" s="38" t="s">
        <v>180</v>
      </c>
      <c r="H122" s="89" t="s">
        <v>103</v>
      </c>
      <c r="I122" s="38" t="s">
        <v>356</v>
      </c>
      <c r="J122" s="89" t="s">
        <v>355</v>
      </c>
      <c r="K122" s="65" t="s">
        <v>86</v>
      </c>
      <c r="L122" s="65" t="s">
        <v>178</v>
      </c>
      <c r="M122" s="88" t="s">
        <v>101</v>
      </c>
      <c r="N122" s="65" t="s">
        <v>179</v>
      </c>
      <c r="O122" s="88" t="s">
        <v>102</v>
      </c>
      <c r="P122" s="65" t="s">
        <v>180</v>
      </c>
      <c r="Q122" s="88" t="s">
        <v>103</v>
      </c>
      <c r="R122" s="65" t="s">
        <v>356</v>
      </c>
      <c r="S122" s="88" t="s">
        <v>355</v>
      </c>
    </row>
    <row r="123" spans="1:30" ht="66" customHeight="1">
      <c r="A123" s="41"/>
      <c r="B123" s="42" t="s">
        <v>89</v>
      </c>
      <c r="C123" s="42" t="s">
        <v>181</v>
      </c>
      <c r="D123" s="91" t="s">
        <v>104</v>
      </c>
      <c r="E123" s="42" t="s">
        <v>182</v>
      </c>
      <c r="F123" s="91" t="s">
        <v>104</v>
      </c>
      <c r="G123" s="42" t="s">
        <v>183</v>
      </c>
      <c r="H123" s="91" t="s">
        <v>104</v>
      </c>
      <c r="I123" s="42" t="s">
        <v>356</v>
      </c>
      <c r="J123" s="91" t="s">
        <v>104</v>
      </c>
      <c r="K123" s="68" t="s">
        <v>89</v>
      </c>
      <c r="L123" s="68" t="s">
        <v>181</v>
      </c>
      <c r="M123" s="90" t="s">
        <v>104</v>
      </c>
      <c r="N123" s="68" t="s">
        <v>182</v>
      </c>
      <c r="O123" s="90" t="s">
        <v>104</v>
      </c>
      <c r="P123" s="68" t="s">
        <v>183</v>
      </c>
      <c r="Q123" s="90" t="s">
        <v>104</v>
      </c>
      <c r="R123" s="68" t="s">
        <v>356</v>
      </c>
      <c r="S123" s="90" t="s">
        <v>104</v>
      </c>
    </row>
    <row r="124" spans="1:30">
      <c r="A124" s="45" t="s">
        <v>435</v>
      </c>
      <c r="B124" s="131">
        <v>9369</v>
      </c>
      <c r="C124" s="132">
        <v>0.37</v>
      </c>
      <c r="D124" s="94">
        <v>9.9741353621355475E-3</v>
      </c>
      <c r="E124" s="132">
        <v>0.221</v>
      </c>
      <c r="F124" s="94">
        <v>8.5731282152094537E-3</v>
      </c>
      <c r="G124" s="132">
        <v>0.40600000000000003</v>
      </c>
      <c r="H124" s="94">
        <v>1.0145038873403799E-2</v>
      </c>
      <c r="I124" s="132">
        <v>3.0000000000000001E-3</v>
      </c>
      <c r="J124" s="94">
        <v>1.1689246013616803E-3</v>
      </c>
      <c r="K124" s="131">
        <v>9309</v>
      </c>
      <c r="L124" s="132">
        <v>0.56100000000000005</v>
      </c>
      <c r="M124" s="94">
        <v>1.0284938582580939E-2</v>
      </c>
      <c r="N124" s="132">
        <v>0.153</v>
      </c>
      <c r="O124" s="94">
        <v>7.4635564944022306E-3</v>
      </c>
      <c r="P124" s="132">
        <v>0.17199999999999999</v>
      </c>
      <c r="Q124" s="94">
        <v>7.823578070147828E-3</v>
      </c>
      <c r="R124" s="132">
        <v>0.114</v>
      </c>
      <c r="S124" s="94">
        <v>6.5906676373308224E-3</v>
      </c>
    </row>
    <row r="125" spans="1:30">
      <c r="A125" s="49" t="s">
        <v>436</v>
      </c>
      <c r="B125" s="133">
        <v>8729</v>
      </c>
      <c r="C125" s="134">
        <v>0.37375328790127532</v>
      </c>
      <c r="D125" s="97">
        <v>1.0354450295772881E-2</v>
      </c>
      <c r="E125" s="134">
        <v>0.21759286025718899</v>
      </c>
      <c r="F125" s="97">
        <v>8.8324285743558578E-3</v>
      </c>
      <c r="G125" s="134">
        <v>0.40625327016899487</v>
      </c>
      <c r="H125" s="97">
        <v>1.0511254749015609E-2</v>
      </c>
      <c r="I125" s="134">
        <v>2.4005816725408747E-3</v>
      </c>
      <c r="J125" s="97">
        <v>1.0957982685366465E-3</v>
      </c>
      <c r="K125" s="133">
        <v>8676</v>
      </c>
      <c r="L125" s="134">
        <v>0.59507818213662678</v>
      </c>
      <c r="M125" s="97">
        <v>1.0537807050497342E-2</v>
      </c>
      <c r="N125" s="134">
        <v>0.14526782920903189</v>
      </c>
      <c r="O125" s="97">
        <v>7.5678509073263808E-3</v>
      </c>
      <c r="P125" s="134">
        <v>0.16198415705035279</v>
      </c>
      <c r="Q125" s="97">
        <v>7.912265737003878E-3</v>
      </c>
      <c r="R125" s="134">
        <v>9.7669831603988483E-2</v>
      </c>
      <c r="S125" s="97">
        <v>6.3782316201213256E-3</v>
      </c>
    </row>
    <row r="126" spans="1:30">
      <c r="A126" s="45" t="s">
        <v>437</v>
      </c>
      <c r="B126" s="83">
        <v>839</v>
      </c>
      <c r="C126" s="98">
        <v>0.44990000000000002</v>
      </c>
      <c r="D126" s="94">
        <v>3.4270139814653655E-2</v>
      </c>
      <c r="E126" s="98">
        <v>0.22650000000000001</v>
      </c>
      <c r="F126" s="94">
        <v>2.8890592737705698E-2</v>
      </c>
      <c r="G126" s="98">
        <v>0.31950000000000001</v>
      </c>
      <c r="H126" s="94">
        <v>3.2142048330266244E-2</v>
      </c>
      <c r="I126" s="98">
        <v>4.1000000000000003E-3</v>
      </c>
      <c r="J126" s="94">
        <v>5.5155913509177344E-3</v>
      </c>
      <c r="K126" s="83">
        <v>830</v>
      </c>
      <c r="L126" s="98">
        <v>0.44750000000000001</v>
      </c>
      <c r="M126" s="94">
        <v>3.4437593468006039E-2</v>
      </c>
      <c r="N126" s="98">
        <v>0.18990000000000001</v>
      </c>
      <c r="O126" s="94">
        <v>2.72441836205712E-2</v>
      </c>
      <c r="P126" s="98">
        <v>0.18</v>
      </c>
      <c r="Q126" s="94">
        <v>2.6694820150779289E-2</v>
      </c>
      <c r="R126" s="98">
        <v>0.18260000000000001</v>
      </c>
      <c r="S126" s="94">
        <v>2.6841865721768891E-2</v>
      </c>
    </row>
    <row r="127" spans="1:30">
      <c r="A127" s="49" t="s">
        <v>438</v>
      </c>
      <c r="B127" s="133">
        <v>962</v>
      </c>
      <c r="C127" s="134">
        <v>0.46899999999999997</v>
      </c>
      <c r="D127" s="97">
        <v>3.2113085773679974E-2</v>
      </c>
      <c r="E127" s="134">
        <v>0.218</v>
      </c>
      <c r="F127" s="97">
        <v>2.662003326652564E-2</v>
      </c>
      <c r="G127" s="134">
        <v>0.312</v>
      </c>
      <c r="H127" s="97">
        <v>2.9833776758895886E-2</v>
      </c>
      <c r="I127" s="134">
        <v>0</v>
      </c>
      <c r="J127" s="97">
        <v>2.9249457859922647E-3</v>
      </c>
      <c r="K127" s="133">
        <v>952</v>
      </c>
      <c r="L127" s="134">
        <v>0.65600000000000003</v>
      </c>
      <c r="M127" s="97">
        <v>3.0741684081006623E-2</v>
      </c>
      <c r="N127" s="134">
        <v>0.129</v>
      </c>
      <c r="O127" s="97">
        <v>2.1792901025650107E-2</v>
      </c>
      <c r="P127" s="134">
        <v>0.13800000000000001</v>
      </c>
      <c r="Q127" s="97">
        <v>2.2412107117619904E-2</v>
      </c>
      <c r="R127" s="134">
        <v>7.6999999999999999E-2</v>
      </c>
      <c r="S127" s="97">
        <v>1.7424695281592378E-2</v>
      </c>
    </row>
    <row r="128" spans="1:30">
      <c r="A128" s="45" t="s">
        <v>439</v>
      </c>
      <c r="B128" s="83">
        <v>900</v>
      </c>
      <c r="C128" s="98">
        <v>0.48799999999999999</v>
      </c>
      <c r="D128" s="94">
        <v>3.3250009748947616E-2</v>
      </c>
      <c r="E128" s="98">
        <v>0.20899999999999999</v>
      </c>
      <c r="F128" s="94">
        <v>2.7107352253441127E-2</v>
      </c>
      <c r="G128" s="98">
        <v>0.30299999999999999</v>
      </c>
      <c r="H128" s="94">
        <v>3.0593949503720793E-2</v>
      </c>
      <c r="I128" s="98">
        <v>0</v>
      </c>
      <c r="J128" s="94">
        <v>3.1253280987124012E-3</v>
      </c>
      <c r="K128" s="83">
        <v>893</v>
      </c>
      <c r="L128" s="98">
        <v>0.67600000000000005</v>
      </c>
      <c r="M128" s="94">
        <v>3.1271789968586594E-2</v>
      </c>
      <c r="N128" s="98">
        <v>0.126</v>
      </c>
      <c r="O128" s="94">
        <v>2.2285141008166327E-2</v>
      </c>
      <c r="P128" s="98">
        <v>0.14199999999999999</v>
      </c>
      <c r="Q128" s="94">
        <v>2.341773209851386E-2</v>
      </c>
      <c r="R128" s="98">
        <v>5.6000000000000001E-2</v>
      </c>
      <c r="S128" s="94">
        <v>1.5606399005868349E-2</v>
      </c>
    </row>
    <row r="129" spans="1:31">
      <c r="A129" s="49" t="s">
        <v>444</v>
      </c>
      <c r="B129" s="133">
        <v>20</v>
      </c>
      <c r="C129" s="134">
        <v>0.434</v>
      </c>
      <c r="D129" s="97">
        <v>0.20288543565273481</v>
      </c>
      <c r="E129" s="134">
        <v>0.308</v>
      </c>
      <c r="F129" s="97">
        <v>0.19339079605813714</v>
      </c>
      <c r="G129" s="134">
        <v>0.25800000000000001</v>
      </c>
      <c r="H129" s="97">
        <v>0.18678443705492684</v>
      </c>
      <c r="I129" s="134">
        <v>0</v>
      </c>
      <c r="J129" s="97">
        <v>0.112833866731055</v>
      </c>
      <c r="K129" s="133">
        <v>19</v>
      </c>
      <c r="L129" s="134">
        <v>0.311</v>
      </c>
      <c r="M129" s="97">
        <v>0.19808794153084969</v>
      </c>
      <c r="N129" s="134">
        <v>0.123</v>
      </c>
      <c r="O129" s="97">
        <v>0.16312618544975194</v>
      </c>
      <c r="P129" s="134">
        <v>0.19700000000000001</v>
      </c>
      <c r="Q129" s="97">
        <v>0.18050544178686367</v>
      </c>
      <c r="R129" s="134">
        <v>0.36899999999999999</v>
      </c>
      <c r="S129" s="97">
        <v>0.20357201320386617</v>
      </c>
    </row>
    <row r="130" spans="1:31">
      <c r="A130" s="45" t="s">
        <v>445</v>
      </c>
      <c r="B130" s="83">
        <v>292</v>
      </c>
      <c r="C130" s="98">
        <v>0.34699999999999998</v>
      </c>
      <c r="D130" s="94">
        <v>5.5412385292316901E-2</v>
      </c>
      <c r="E130" s="98">
        <v>0.21299999999999999</v>
      </c>
      <c r="F130" s="94">
        <v>4.7907871520798E-2</v>
      </c>
      <c r="G130" s="98">
        <v>0.44</v>
      </c>
      <c r="H130" s="94">
        <v>5.7715125176129541E-2</v>
      </c>
      <c r="I130" s="98">
        <v>0</v>
      </c>
      <c r="J130" s="94">
        <v>9.5231602429016963E-3</v>
      </c>
      <c r="K130" s="83">
        <v>291</v>
      </c>
      <c r="L130" s="98">
        <v>0.54800000000000004</v>
      </c>
      <c r="M130" s="94">
        <v>5.7960601200929072E-2</v>
      </c>
      <c r="N130" s="98">
        <v>0.186</v>
      </c>
      <c r="O130" s="94">
        <v>4.5704973202950257E-2</v>
      </c>
      <c r="P130" s="98">
        <v>0.191</v>
      </c>
      <c r="Q130" s="94">
        <v>4.6152402008782879E-2</v>
      </c>
      <c r="R130" s="98">
        <v>7.3999999999999996E-2</v>
      </c>
      <c r="S130" s="94">
        <v>3.155023279981331E-2</v>
      </c>
    </row>
    <row r="131" spans="1:31">
      <c r="A131" s="49" t="s">
        <v>440</v>
      </c>
      <c r="B131" s="133">
        <v>101</v>
      </c>
      <c r="C131" s="134">
        <v>0.433</v>
      </c>
      <c r="D131" s="97">
        <v>9.677593254505712E-2</v>
      </c>
      <c r="E131" s="134">
        <v>0.19800000000000001</v>
      </c>
      <c r="F131" s="97">
        <v>7.9429517517761727E-2</v>
      </c>
      <c r="G131" s="134">
        <v>0.36899999999999999</v>
      </c>
      <c r="H131" s="97">
        <v>9.4440023781142399E-2</v>
      </c>
      <c r="I131" s="134">
        <v>0</v>
      </c>
      <c r="J131" s="97">
        <v>2.6679621084077194E-2</v>
      </c>
      <c r="K131" s="133">
        <v>101</v>
      </c>
      <c r="L131" s="134">
        <v>0.67900000000000005</v>
      </c>
      <c r="M131" s="97">
        <v>9.1621107910513866E-2</v>
      </c>
      <c r="N131" s="134">
        <v>0.20200000000000001</v>
      </c>
      <c r="O131" s="97">
        <v>7.9960262153106809E-2</v>
      </c>
      <c r="P131" s="134">
        <v>0.1</v>
      </c>
      <c r="Q131" s="97">
        <v>6.2322747247959061E-2</v>
      </c>
      <c r="R131" s="134">
        <v>1.9E-2</v>
      </c>
      <c r="S131" s="97">
        <v>3.6997164764698963E-2</v>
      </c>
    </row>
    <row r="132" spans="1:31">
      <c r="A132" s="45" t="s">
        <v>441</v>
      </c>
      <c r="B132" s="83">
        <v>95</v>
      </c>
      <c r="C132" s="98">
        <v>0.17299999999999999</v>
      </c>
      <c r="D132" s="94">
        <v>7.8247772001922122E-2</v>
      </c>
      <c r="E132" s="98">
        <v>0.20100000000000001</v>
      </c>
      <c r="F132" s="94">
        <v>8.2309437658227597E-2</v>
      </c>
      <c r="G132" s="98">
        <v>0.626</v>
      </c>
      <c r="H132" s="94">
        <v>9.7520987999639056E-2</v>
      </c>
      <c r="I132" s="98">
        <v>0</v>
      </c>
      <c r="J132" s="94">
        <v>2.8279912978147775E-2</v>
      </c>
      <c r="K132" s="83">
        <v>95</v>
      </c>
      <c r="L132" s="98">
        <v>0.434</v>
      </c>
      <c r="M132" s="94">
        <v>9.9694257636092923E-2</v>
      </c>
      <c r="N132" s="98">
        <v>0.23499999999999999</v>
      </c>
      <c r="O132" s="94">
        <v>8.6534889585768007E-2</v>
      </c>
      <c r="P132" s="98">
        <v>0.217</v>
      </c>
      <c r="Q132" s="94">
        <v>8.4387775976770538E-2</v>
      </c>
      <c r="R132" s="98">
        <v>0.115</v>
      </c>
      <c r="S132" s="94">
        <v>6.7722190227856721E-2</v>
      </c>
    </row>
    <row r="133" spans="1:31">
      <c r="A133" s="49" t="s">
        <v>442</v>
      </c>
      <c r="B133" s="133">
        <v>72</v>
      </c>
      <c r="C133" s="134">
        <v>0.36799999999999999</v>
      </c>
      <c r="D133" s="97">
        <v>0.11106229625403935</v>
      </c>
      <c r="E133" s="134">
        <v>0.20300000000000001</v>
      </c>
      <c r="F133" s="97">
        <v>9.4821664089780738E-2</v>
      </c>
      <c r="G133" s="134">
        <v>0.42899999999999999</v>
      </c>
      <c r="H133" s="97">
        <v>0.11366517487085705</v>
      </c>
      <c r="I133" s="134">
        <v>0</v>
      </c>
      <c r="J133" s="97">
        <v>3.6723195522334773E-2</v>
      </c>
      <c r="K133" s="133">
        <v>72</v>
      </c>
      <c r="L133" s="134">
        <v>0.42599999999999999</v>
      </c>
      <c r="M133" s="97">
        <v>0.11357474980626597</v>
      </c>
      <c r="N133" s="134">
        <v>0.16500000000000001</v>
      </c>
      <c r="O133" s="97">
        <v>8.8638023597622073E-2</v>
      </c>
      <c r="P133" s="134">
        <v>0.30099999999999999</v>
      </c>
      <c r="Q133" s="97">
        <v>0.10624148962941075</v>
      </c>
      <c r="R133" s="134">
        <v>0.108</v>
      </c>
      <c r="S133" s="97">
        <v>7.6806488159624195E-2</v>
      </c>
    </row>
    <row r="134" spans="1:31">
      <c r="A134" s="45" t="s">
        <v>446</v>
      </c>
      <c r="B134" s="131">
        <v>98</v>
      </c>
      <c r="C134" s="132">
        <v>0.54100000000000004</v>
      </c>
      <c r="D134" s="94">
        <v>9.8706985265998248E-2</v>
      </c>
      <c r="E134" s="132">
        <v>0.153</v>
      </c>
      <c r="F134" s="94">
        <v>7.3790819808005392E-2</v>
      </c>
      <c r="G134" s="132">
        <v>0.30599999999999999</v>
      </c>
      <c r="H134" s="94">
        <v>9.1877574950722546E-2</v>
      </c>
      <c r="I134" s="132">
        <v>0</v>
      </c>
      <c r="J134" s="94">
        <v>2.745647223584333E-2</v>
      </c>
      <c r="K134" s="131">
        <v>97</v>
      </c>
      <c r="L134" s="132">
        <v>0.76900000000000002</v>
      </c>
      <c r="M134" s="94">
        <v>8.5192169033634066E-2</v>
      </c>
      <c r="N134" s="132">
        <v>8.4000000000000005E-2</v>
      </c>
      <c r="O134" s="94">
        <v>5.9828127482010093E-2</v>
      </c>
      <c r="P134" s="132">
        <v>6.9000000000000006E-2</v>
      </c>
      <c r="Q134" s="94">
        <v>5.581489255651733E-2</v>
      </c>
      <c r="R134" s="132">
        <v>7.9000000000000001E-2</v>
      </c>
      <c r="S134" s="94">
        <v>5.8536573401375844E-2</v>
      </c>
    </row>
    <row r="135" spans="1:31">
      <c r="A135" s="49" t="s">
        <v>447</v>
      </c>
      <c r="B135" s="133">
        <v>105</v>
      </c>
      <c r="C135" s="134">
        <v>0.41399999999999998</v>
      </c>
      <c r="D135" s="97">
        <v>9.4458741167179755E-2</v>
      </c>
      <c r="E135" s="134">
        <v>0.315</v>
      </c>
      <c r="F135" s="97">
        <v>8.9492111529570248E-2</v>
      </c>
      <c r="G135" s="134">
        <v>0.27200000000000002</v>
      </c>
      <c r="H135" s="97">
        <v>8.6046996593681313E-2</v>
      </c>
      <c r="I135" s="134">
        <v>0</v>
      </c>
      <c r="J135" s="97">
        <v>2.5709707484377786E-2</v>
      </c>
      <c r="K135" s="133">
        <v>105</v>
      </c>
      <c r="L135" s="134">
        <v>0.76500000000000001</v>
      </c>
      <c r="M135" s="97">
        <v>8.2358481852667073E-2</v>
      </c>
      <c r="N135" s="134">
        <v>9.1999999999999998E-2</v>
      </c>
      <c r="O135" s="97">
        <v>5.9208654901357759E-2</v>
      </c>
      <c r="P135" s="134">
        <v>8.4000000000000005E-2</v>
      </c>
      <c r="Q135" s="97">
        <v>5.7281633337862042E-2</v>
      </c>
      <c r="R135" s="134">
        <v>0.06</v>
      </c>
      <c r="S135" s="97">
        <v>5.0809395763769451E-2</v>
      </c>
    </row>
    <row r="136" spans="1:31" ht="25.5">
      <c r="A136" s="45" t="s">
        <v>448</v>
      </c>
      <c r="B136" s="83">
        <v>132</v>
      </c>
      <c r="C136" s="98">
        <v>0.66400000000000003</v>
      </c>
      <c r="D136" s="94">
        <v>8.1287950632136896E-2</v>
      </c>
      <c r="E136" s="98">
        <v>0.13800000000000001</v>
      </c>
      <c r="F136" s="94">
        <v>6.1008945999419674E-2</v>
      </c>
      <c r="G136" s="98">
        <v>0.19800000000000001</v>
      </c>
      <c r="H136" s="94">
        <v>6.946900387576567E-2</v>
      </c>
      <c r="I136" s="98">
        <v>0</v>
      </c>
      <c r="J136" s="94">
        <v>2.0643770871594677E-2</v>
      </c>
      <c r="K136" s="83">
        <v>132</v>
      </c>
      <c r="L136" s="98">
        <v>0.63500000000000001</v>
      </c>
      <c r="M136" s="94">
        <v>8.2752517866900105E-2</v>
      </c>
      <c r="N136" s="98">
        <v>0.11</v>
      </c>
      <c r="O136" s="94">
        <v>5.602401912128345E-2</v>
      </c>
      <c r="P136" s="98">
        <v>0.23799999999999999</v>
      </c>
      <c r="Q136" s="94">
        <v>7.3830987781335816E-2</v>
      </c>
      <c r="R136" s="98">
        <v>1.7000000000000001E-2</v>
      </c>
      <c r="S136" s="94">
        <v>2.9819099317440808E-2</v>
      </c>
    </row>
    <row r="137" spans="1:31">
      <c r="A137" s="49" t="s">
        <v>449</v>
      </c>
      <c r="B137" s="133">
        <v>77</v>
      </c>
      <c r="C137" s="134">
        <v>0.52</v>
      </c>
      <c r="D137" s="97">
        <v>0.11103075554604239</v>
      </c>
      <c r="E137" s="134">
        <v>0.23699999999999999</v>
      </c>
      <c r="F137" s="97">
        <v>9.6223460861434421E-2</v>
      </c>
      <c r="G137" s="134">
        <v>0.24299999999999999</v>
      </c>
      <c r="H137" s="97">
        <v>9.6944247043716361E-2</v>
      </c>
      <c r="I137" s="134">
        <v>0</v>
      </c>
      <c r="J137" s="97">
        <v>3.4485061975244265E-2</v>
      </c>
      <c r="K137" s="133">
        <v>75</v>
      </c>
      <c r="L137" s="134">
        <v>0.71299999999999997</v>
      </c>
      <c r="M137" s="97">
        <v>0.10289702779151091</v>
      </c>
      <c r="N137" s="134">
        <v>9.5000000000000001E-2</v>
      </c>
      <c r="O137" s="97">
        <v>7.1922819761590442E-2</v>
      </c>
      <c r="P137" s="134">
        <v>8.2000000000000003E-2</v>
      </c>
      <c r="Q137" s="97">
        <v>6.8444426740536926E-2</v>
      </c>
      <c r="R137" s="134">
        <v>0.111</v>
      </c>
      <c r="S137" s="97">
        <v>7.584618184208694E-2</v>
      </c>
    </row>
    <row r="138" spans="1:31">
      <c r="A138" s="57" t="s">
        <v>450</v>
      </c>
      <c r="B138" s="131">
        <v>113</v>
      </c>
      <c r="C138" s="132">
        <v>0.44800000000000001</v>
      </c>
      <c r="D138" s="94">
        <v>9.19824822406278E-2</v>
      </c>
      <c r="E138" s="132">
        <v>0.28599999999999998</v>
      </c>
      <c r="F138" s="94">
        <v>8.4181696666568509E-2</v>
      </c>
      <c r="G138" s="132">
        <v>0.26600000000000001</v>
      </c>
      <c r="H138" s="94">
        <v>8.2467087452028479E-2</v>
      </c>
      <c r="I138" s="132">
        <v>0</v>
      </c>
      <c r="J138" s="94">
        <v>2.3967079753657358E-2</v>
      </c>
      <c r="K138" s="131">
        <v>109</v>
      </c>
      <c r="L138" s="132">
        <v>0.58399999999999996</v>
      </c>
      <c r="M138" s="94">
        <v>9.2828645718055269E-2</v>
      </c>
      <c r="N138" s="132">
        <v>0.17299999999999999</v>
      </c>
      <c r="O138" s="94">
        <v>7.2991018708883193E-2</v>
      </c>
      <c r="P138" s="132">
        <v>0.12</v>
      </c>
      <c r="Q138" s="94">
        <v>6.3980658205576399E-2</v>
      </c>
      <c r="R138" s="132">
        <v>0.124</v>
      </c>
      <c r="S138" s="94">
        <v>6.4754340769842877E-2</v>
      </c>
    </row>
    <row r="139" spans="1:31">
      <c r="A139" s="49" t="s">
        <v>443</v>
      </c>
      <c r="B139" s="133">
        <v>74</v>
      </c>
      <c r="C139" s="134">
        <v>0.42099999999999999</v>
      </c>
      <c r="D139" s="97">
        <v>0.11194840608291302</v>
      </c>
      <c r="E139" s="134">
        <v>0.35899999999999999</v>
      </c>
      <c r="F139" s="97">
        <v>0.10910023452921001</v>
      </c>
      <c r="G139" s="134">
        <v>0.22</v>
      </c>
      <c r="H139" s="97">
        <v>9.5925945127126641E-2</v>
      </c>
      <c r="I139" s="134">
        <v>0</v>
      </c>
      <c r="J139" s="97">
        <v>3.5793971305236552E-2</v>
      </c>
      <c r="K139" s="133">
        <v>71</v>
      </c>
      <c r="L139" s="134">
        <v>0.65900000000000003</v>
      </c>
      <c r="M139" s="97">
        <v>0.11011357278737259</v>
      </c>
      <c r="N139" s="134">
        <v>0.14899999999999999</v>
      </c>
      <c r="O139" s="97">
        <v>8.6283254953283567E-2</v>
      </c>
      <c r="P139" s="134">
        <v>5.8000000000000003E-2</v>
      </c>
      <c r="Q139" s="97">
        <v>6.32114439521715E-2</v>
      </c>
      <c r="R139" s="134">
        <v>0.13400000000000001</v>
      </c>
      <c r="S139" s="97">
        <v>8.3251141205391302E-2</v>
      </c>
    </row>
    <row r="140" spans="1:31" ht="14.25" customHeight="1">
      <c r="A140" s="57" t="s">
        <v>451</v>
      </c>
      <c r="B140" s="131">
        <v>126</v>
      </c>
      <c r="C140" s="132">
        <v>0.436</v>
      </c>
      <c r="D140" s="94">
        <v>8.7028233026130275E-2</v>
      </c>
      <c r="E140" s="132">
        <v>0.20799999999999999</v>
      </c>
      <c r="F140" s="94">
        <v>7.2303269863499456E-2</v>
      </c>
      <c r="G140" s="132">
        <v>0.35599999999999998</v>
      </c>
      <c r="H140" s="94">
        <v>8.4219571966558437E-2</v>
      </c>
      <c r="I140" s="132">
        <v>0</v>
      </c>
      <c r="J140" s="94">
        <v>2.158912047524995E-2</v>
      </c>
      <c r="K140" s="131">
        <v>125</v>
      </c>
      <c r="L140" s="132">
        <v>0.88300000000000001</v>
      </c>
      <c r="M140" s="94">
        <v>5.9001235989827823E-2</v>
      </c>
      <c r="N140" s="132">
        <v>6.8000000000000005E-2</v>
      </c>
      <c r="O140" s="94">
        <v>4.8150328558653727E-2</v>
      </c>
      <c r="P140" s="132">
        <v>2.5999999999999999E-2</v>
      </c>
      <c r="Q140" s="94">
        <v>3.4793465356141966E-2</v>
      </c>
      <c r="R140" s="132">
        <v>2.4E-2</v>
      </c>
      <c r="S140" s="94">
        <v>3.3989225999107593E-2</v>
      </c>
    </row>
    <row r="141" spans="1:31">
      <c r="R141" s="248"/>
      <c r="S141" s="248"/>
      <c r="T141" s="248"/>
      <c r="U141" s="248"/>
      <c r="V141" s="248"/>
      <c r="W141" s="248"/>
      <c r="X141" s="248"/>
      <c r="Y141" s="248"/>
      <c r="Z141" s="248"/>
      <c r="AA141" s="248"/>
      <c r="AB141" s="248"/>
      <c r="AC141" s="248"/>
      <c r="AD141" s="248"/>
      <c r="AE141" s="248"/>
    </row>
    <row r="142" spans="1:31">
      <c r="R142" s="248"/>
      <c r="S142" s="248"/>
      <c r="T142" s="248"/>
      <c r="U142" s="248"/>
      <c r="V142" s="248"/>
      <c r="W142" s="248"/>
      <c r="X142" s="248"/>
      <c r="Y142" s="248"/>
      <c r="Z142" s="248"/>
      <c r="AA142" s="248"/>
      <c r="AB142" s="248"/>
      <c r="AC142" s="248"/>
      <c r="AD142" s="248"/>
      <c r="AE142" s="248"/>
    </row>
    <row r="143" spans="1:31">
      <c r="R143" s="248"/>
      <c r="S143" s="248"/>
      <c r="T143" s="248"/>
      <c r="U143" s="248"/>
      <c r="V143" s="248"/>
      <c r="W143" s="248"/>
      <c r="X143" s="248"/>
      <c r="Y143" s="248"/>
      <c r="Z143" s="248"/>
      <c r="AA143" s="248"/>
      <c r="AB143" s="248"/>
      <c r="AC143" s="248"/>
      <c r="AD143" s="248"/>
      <c r="AE143" s="248"/>
    </row>
    <row r="144" spans="1:31">
      <c r="R144" s="248"/>
      <c r="S144" s="248"/>
      <c r="T144" s="248"/>
      <c r="U144" s="248"/>
      <c r="V144" s="248"/>
      <c r="W144" s="248"/>
      <c r="X144" s="248"/>
      <c r="Y144" s="248"/>
      <c r="Z144" s="248"/>
      <c r="AA144" s="248"/>
      <c r="AB144" s="248"/>
      <c r="AC144" s="248"/>
      <c r="AD144" s="248"/>
      <c r="AE144" s="248"/>
    </row>
    <row r="145" spans="1:33">
      <c r="R145" s="248"/>
      <c r="S145" s="248"/>
      <c r="T145" s="248"/>
      <c r="U145" s="248"/>
      <c r="V145" s="248"/>
      <c r="W145" s="248"/>
      <c r="X145" s="248"/>
      <c r="Y145" s="248"/>
      <c r="Z145" s="248"/>
      <c r="AA145" s="248"/>
      <c r="AB145" s="248"/>
      <c r="AC145" s="248"/>
      <c r="AD145" s="248"/>
      <c r="AE145" s="248"/>
    </row>
    <row r="146" spans="1:33">
      <c r="R146" s="248"/>
      <c r="S146" s="248"/>
      <c r="T146" s="248"/>
      <c r="U146" s="248"/>
      <c r="V146" s="248"/>
      <c r="W146" s="248"/>
      <c r="X146" s="248"/>
      <c r="Y146" s="248"/>
      <c r="Z146" s="248"/>
      <c r="AA146" s="248"/>
      <c r="AB146" s="248"/>
      <c r="AC146" s="248"/>
      <c r="AD146" s="248"/>
      <c r="AE146" s="248"/>
    </row>
    <row r="147" spans="1:33">
      <c r="R147" s="248"/>
      <c r="S147" s="248"/>
      <c r="T147" s="248"/>
      <c r="U147" s="248"/>
      <c r="V147" s="248"/>
      <c r="W147" s="248"/>
      <c r="X147" s="248"/>
      <c r="Y147" s="248"/>
      <c r="Z147" s="248"/>
      <c r="AA147" s="248"/>
      <c r="AB147" s="248"/>
      <c r="AC147" s="248"/>
      <c r="AD147" s="248"/>
      <c r="AE147" s="248"/>
    </row>
    <row r="148" spans="1:33" ht="18.75">
      <c r="A148" s="324" t="s">
        <v>255</v>
      </c>
      <c r="B148" s="324"/>
      <c r="C148" s="324"/>
      <c r="D148" s="324"/>
      <c r="E148" s="324"/>
      <c r="F148" s="324"/>
      <c r="G148" s="324"/>
      <c r="H148" s="324"/>
      <c r="I148" s="324"/>
      <c r="J148" s="324"/>
      <c r="K148" s="324"/>
      <c r="L148" s="324"/>
      <c r="M148" s="324"/>
      <c r="N148" s="324"/>
      <c r="O148" s="324"/>
      <c r="P148" s="324"/>
      <c r="Q148" s="324"/>
      <c r="R148" s="324"/>
      <c r="S148" s="324"/>
      <c r="T148" s="324"/>
      <c r="U148" s="324"/>
      <c r="V148" s="324"/>
      <c r="W148" s="324"/>
      <c r="X148" s="226"/>
      <c r="Y148" s="226"/>
      <c r="Z148" s="226"/>
      <c r="AA148" s="226"/>
      <c r="AB148" s="226"/>
      <c r="AC148" s="226"/>
      <c r="AD148" s="248"/>
      <c r="AE148" s="248"/>
    </row>
    <row r="149" spans="1:33" ht="57.75" customHeight="1">
      <c r="A149" s="351" t="s">
        <v>475</v>
      </c>
      <c r="B149" s="351"/>
      <c r="C149" s="351"/>
      <c r="D149" s="351"/>
      <c r="E149" s="351"/>
      <c r="F149" s="351"/>
      <c r="G149" s="351"/>
      <c r="H149" s="351"/>
      <c r="I149" s="351"/>
      <c r="J149" s="351"/>
      <c r="K149" s="351"/>
      <c r="L149" s="351"/>
      <c r="M149" s="351"/>
      <c r="N149" s="351"/>
      <c r="O149" s="351"/>
      <c r="P149" s="351"/>
      <c r="Q149" s="351"/>
      <c r="R149" s="351"/>
      <c r="S149" s="351"/>
      <c r="T149" s="351"/>
      <c r="U149" s="351"/>
      <c r="V149" s="351"/>
      <c r="W149" s="351"/>
      <c r="X149" s="229"/>
      <c r="Y149" s="229"/>
      <c r="Z149" s="229"/>
      <c r="AA149" s="229"/>
      <c r="AB149" s="229"/>
      <c r="AC149" s="229"/>
      <c r="AD149" s="248"/>
      <c r="AE149" s="248"/>
    </row>
    <row r="150" spans="1:33" ht="41.25" customHeight="1">
      <c r="A150" s="64"/>
      <c r="B150" s="346" t="s">
        <v>256</v>
      </c>
      <c r="C150" s="347"/>
      <c r="D150" s="347"/>
      <c r="E150" s="347"/>
      <c r="F150" s="347"/>
      <c r="G150" s="347"/>
      <c r="H150" s="347"/>
      <c r="I150" s="347"/>
      <c r="J150" s="347"/>
      <c r="K150" s="347"/>
      <c r="L150" s="348"/>
      <c r="M150" s="349" t="s">
        <v>390</v>
      </c>
      <c r="N150" s="350"/>
      <c r="O150" s="350"/>
      <c r="P150" s="350"/>
      <c r="Q150" s="350"/>
      <c r="R150" s="350"/>
      <c r="S150" s="350"/>
      <c r="T150" s="350"/>
      <c r="U150" s="350"/>
      <c r="V150" s="350"/>
      <c r="W150" s="350"/>
      <c r="X150" s="248"/>
      <c r="Y150" s="248"/>
      <c r="Z150" s="248"/>
      <c r="AA150" s="248"/>
      <c r="AB150" s="248"/>
      <c r="AC150" s="248"/>
      <c r="AD150" s="248"/>
      <c r="AE150" s="248"/>
      <c r="AF150" s="248"/>
      <c r="AG150" s="248"/>
    </row>
    <row r="151" spans="1:33" ht="40.5" customHeight="1">
      <c r="A151" s="37" t="s">
        <v>85</v>
      </c>
      <c r="B151" s="38" t="s">
        <v>86</v>
      </c>
      <c r="C151" s="39" t="s">
        <v>87</v>
      </c>
      <c r="D151" s="40" t="s">
        <v>88</v>
      </c>
      <c r="E151" s="38" t="s">
        <v>257</v>
      </c>
      <c r="F151" s="89" t="s">
        <v>317</v>
      </c>
      <c r="G151" s="38" t="s">
        <v>258</v>
      </c>
      <c r="H151" s="89" t="s">
        <v>318</v>
      </c>
      <c r="I151" s="38" t="s">
        <v>259</v>
      </c>
      <c r="J151" s="89" t="s">
        <v>319</v>
      </c>
      <c r="K151" s="38" t="s">
        <v>356</v>
      </c>
      <c r="L151" s="89" t="s">
        <v>320</v>
      </c>
      <c r="M151" s="65" t="s">
        <v>86</v>
      </c>
      <c r="N151" s="66" t="s">
        <v>87</v>
      </c>
      <c r="O151" s="67" t="s">
        <v>88</v>
      </c>
      <c r="P151" s="65" t="s">
        <v>426</v>
      </c>
      <c r="Q151" s="88" t="s">
        <v>427</v>
      </c>
      <c r="R151" s="65" t="s">
        <v>422</v>
      </c>
      <c r="S151" s="88" t="s">
        <v>424</v>
      </c>
      <c r="T151" s="65" t="s">
        <v>428</v>
      </c>
      <c r="U151" s="88" t="s">
        <v>429</v>
      </c>
      <c r="V151" s="65" t="s">
        <v>356</v>
      </c>
      <c r="W151" s="88" t="s">
        <v>370</v>
      </c>
    </row>
    <row r="152" spans="1:33" ht="55.5" customHeight="1">
      <c r="A152" s="41"/>
      <c r="B152" s="42" t="s">
        <v>89</v>
      </c>
      <c r="C152" s="43" t="s">
        <v>359</v>
      </c>
      <c r="D152" s="44" t="s">
        <v>91</v>
      </c>
      <c r="E152" s="42" t="s">
        <v>181</v>
      </c>
      <c r="F152" s="91" t="s">
        <v>104</v>
      </c>
      <c r="G152" s="42" t="s">
        <v>182</v>
      </c>
      <c r="H152" s="91" t="s">
        <v>104</v>
      </c>
      <c r="I152" s="42" t="s">
        <v>183</v>
      </c>
      <c r="J152" s="91" t="s">
        <v>104</v>
      </c>
      <c r="K152" s="42" t="s">
        <v>356</v>
      </c>
      <c r="L152" s="91" t="s">
        <v>104</v>
      </c>
      <c r="M152" s="68" t="s">
        <v>89</v>
      </c>
      <c r="N152" s="69" t="s">
        <v>358</v>
      </c>
      <c r="O152" s="70" t="s">
        <v>91</v>
      </c>
      <c r="P152" s="68" t="s">
        <v>421</v>
      </c>
      <c r="Q152" s="90" t="s">
        <v>104</v>
      </c>
      <c r="R152" s="68" t="s">
        <v>423</v>
      </c>
      <c r="S152" s="90" t="s">
        <v>104</v>
      </c>
      <c r="T152" s="68" t="s">
        <v>181</v>
      </c>
      <c r="U152" s="90" t="s">
        <v>104</v>
      </c>
      <c r="V152" s="68" t="s">
        <v>356</v>
      </c>
      <c r="W152" s="90" t="s">
        <v>104</v>
      </c>
    </row>
    <row r="153" spans="1:33">
      <c r="A153" s="45" t="s">
        <v>435</v>
      </c>
      <c r="B153" s="131">
        <v>10986</v>
      </c>
      <c r="C153" s="84">
        <v>3.84</v>
      </c>
      <c r="D153" s="85">
        <v>3.9199999999999999E-2</v>
      </c>
      <c r="E153" s="132">
        <v>0.372</v>
      </c>
      <c r="F153" s="94">
        <v>9.2213291604924599E-3</v>
      </c>
      <c r="G153" s="132">
        <v>0.20100000000000001</v>
      </c>
      <c r="H153" s="94">
        <v>7.6469900762182247E-3</v>
      </c>
      <c r="I153" s="132">
        <v>0.33300000000000002</v>
      </c>
      <c r="J153" s="94">
        <v>8.9915802829965766E-3</v>
      </c>
      <c r="K153" s="132">
        <v>9.5000000000000001E-2</v>
      </c>
      <c r="L153" s="94">
        <v>5.5978150464278675E-3</v>
      </c>
      <c r="M153" s="131">
        <v>11034</v>
      </c>
      <c r="N153" s="84">
        <v>4.9800000000000004</v>
      </c>
      <c r="O153" s="85">
        <v>3.9199999999999999E-2</v>
      </c>
      <c r="P153" s="132">
        <v>0.38100000000000001</v>
      </c>
      <c r="Q153" s="94">
        <v>9.244896666070538E-3</v>
      </c>
      <c r="R153" s="132">
        <v>0.36</v>
      </c>
      <c r="S153" s="94">
        <v>9.1377531917335442E-3</v>
      </c>
      <c r="T153" s="132">
        <v>0.16499999999999998</v>
      </c>
      <c r="U153" s="94">
        <v>7.0680261106335265E-3</v>
      </c>
      <c r="V153" s="132">
        <v>9.4E-2</v>
      </c>
      <c r="W153" s="94">
        <v>5.5592623804324786E-3</v>
      </c>
    </row>
    <row r="154" spans="1:33">
      <c r="A154" s="49" t="s">
        <v>436</v>
      </c>
      <c r="B154" s="133">
        <v>8843</v>
      </c>
      <c r="C154" s="118">
        <v>3.5580334017750359</v>
      </c>
      <c r="D154" s="119">
        <v>3.5205747215694458E-2</v>
      </c>
      <c r="E154" s="134">
        <v>0.44755025397974407</v>
      </c>
      <c r="F154" s="97">
        <v>1.0573078565918758E-2</v>
      </c>
      <c r="G154" s="134">
        <v>0.19560055590521888</v>
      </c>
      <c r="H154" s="97">
        <v>8.4366199320657278E-3</v>
      </c>
      <c r="I154" s="134">
        <v>0.26601356653352071</v>
      </c>
      <c r="J154" s="97">
        <v>9.3968638004405108E-3</v>
      </c>
      <c r="K154" s="134">
        <v>9.0835623581516298E-2</v>
      </c>
      <c r="L154" s="97">
        <v>6.1161607456334324E-3</v>
      </c>
      <c r="M154" s="133">
        <v>8886</v>
      </c>
      <c r="N154" s="118">
        <v>5.1718082437059056</v>
      </c>
      <c r="O154" s="119">
        <v>3.4378517326994228E-2</v>
      </c>
      <c r="P154" s="134">
        <v>0.43629160755960167</v>
      </c>
      <c r="Q154" s="97">
        <v>1.0519570755543177E-2</v>
      </c>
      <c r="R154" s="134">
        <v>0.34573865969498879</v>
      </c>
      <c r="S154" s="97">
        <v>1.0089026621869638E-2</v>
      </c>
      <c r="T154" s="134">
        <v>0.13416039792602819</v>
      </c>
      <c r="U154" s="97">
        <v>7.233275132119691E-3</v>
      </c>
      <c r="V154" s="134">
        <v>8.3809334819381284E-2</v>
      </c>
      <c r="W154" s="97">
        <v>5.8838081707965027E-3</v>
      </c>
    </row>
    <row r="155" spans="1:33">
      <c r="A155" s="45" t="s">
        <v>437</v>
      </c>
      <c r="B155" s="83">
        <v>1980</v>
      </c>
      <c r="C155" s="84">
        <v>4.33</v>
      </c>
      <c r="D155" s="85">
        <v>7.8399999999999997E-2</v>
      </c>
      <c r="E155" s="132">
        <v>0.24279999999999999</v>
      </c>
      <c r="F155" s="94">
        <v>1.9266521627966812E-2</v>
      </c>
      <c r="G155" s="132">
        <v>0.20399999999999999</v>
      </c>
      <c r="H155" s="94">
        <v>1.8113493799576698E-2</v>
      </c>
      <c r="I155" s="132">
        <v>0.43930000000000002</v>
      </c>
      <c r="J155" s="94">
        <v>2.2285281552332042E-2</v>
      </c>
      <c r="K155" s="132">
        <v>0.1139</v>
      </c>
      <c r="L155" s="94">
        <v>1.430706497763082E-2</v>
      </c>
      <c r="M155" s="83">
        <v>1986</v>
      </c>
      <c r="N155" s="84">
        <v>4.63</v>
      </c>
      <c r="O155" s="85">
        <v>7.8399999999999997E-2</v>
      </c>
      <c r="P155" s="132">
        <v>0.2752</v>
      </c>
      <c r="Q155" s="94">
        <v>2.0033535289778068E-2</v>
      </c>
      <c r="R155" s="132">
        <v>0.39749999999999996</v>
      </c>
      <c r="S155" s="94">
        <v>2.1942636210911051E-2</v>
      </c>
      <c r="T155" s="132">
        <v>0.20550000000000002</v>
      </c>
      <c r="U155" s="94">
        <v>1.8135063563790521E-2</v>
      </c>
      <c r="V155" s="132">
        <v>0.12189999999999999</v>
      </c>
      <c r="W155" s="94">
        <v>1.4707501548837085E-2</v>
      </c>
    </row>
    <row r="156" spans="1:33">
      <c r="A156" s="49" t="s">
        <v>438</v>
      </c>
      <c r="B156" s="133">
        <v>1256</v>
      </c>
      <c r="C156" s="118">
        <v>3.66</v>
      </c>
      <c r="D156" s="119">
        <v>9.8000000000000004E-2</v>
      </c>
      <c r="E156" s="134">
        <v>0.40899999999999997</v>
      </c>
      <c r="F156" s="97">
        <v>2.7704305683412478E-2</v>
      </c>
      <c r="G156" s="134">
        <v>0.219</v>
      </c>
      <c r="H156" s="97">
        <v>2.3336023239867533E-2</v>
      </c>
      <c r="I156" s="134">
        <v>0.28799999999999998</v>
      </c>
      <c r="J156" s="97">
        <v>2.5531860319303476E-2</v>
      </c>
      <c r="K156" s="134">
        <v>8.4000000000000005E-2</v>
      </c>
      <c r="L156" s="97">
        <v>1.5740053465689904E-2</v>
      </c>
      <c r="M156" s="133">
        <v>1263</v>
      </c>
      <c r="N156" s="118">
        <v>5.2</v>
      </c>
      <c r="O156" s="119">
        <v>9.8000000000000004E-2</v>
      </c>
      <c r="P156" s="134">
        <v>0.44800000000000001</v>
      </c>
      <c r="Q156" s="97">
        <v>2.7942496282597987E-2</v>
      </c>
      <c r="R156" s="134">
        <v>0.34199999999999997</v>
      </c>
      <c r="S156" s="97">
        <v>2.666364356472228E-2</v>
      </c>
      <c r="T156" s="134">
        <v>0.13700000000000001</v>
      </c>
      <c r="U156" s="97">
        <v>1.9387763573222222E-2</v>
      </c>
      <c r="V156" s="134">
        <v>7.2999999999999995E-2</v>
      </c>
      <c r="W156" s="97">
        <v>1.4740098420822438E-2</v>
      </c>
    </row>
    <row r="157" spans="1:33">
      <c r="A157" s="45" t="s">
        <v>439</v>
      </c>
      <c r="B157" s="83">
        <v>897</v>
      </c>
      <c r="C157" s="84">
        <v>3.33</v>
      </c>
      <c r="D157" s="85">
        <v>9.8000000000000004E-2</v>
      </c>
      <c r="E157" s="132">
        <v>0.51700000000000002</v>
      </c>
      <c r="F157" s="94">
        <v>3.3295739385523083E-2</v>
      </c>
      <c r="G157" s="132">
        <v>0.193</v>
      </c>
      <c r="H157" s="94">
        <v>2.6365987363090704E-2</v>
      </c>
      <c r="I157" s="132">
        <v>0.222</v>
      </c>
      <c r="J157" s="94">
        <v>2.7745528539693868E-2</v>
      </c>
      <c r="K157" s="132">
        <v>6.8000000000000005E-2</v>
      </c>
      <c r="L157" s="94">
        <v>1.6991133108904214E-2</v>
      </c>
      <c r="M157" s="83">
        <v>904</v>
      </c>
      <c r="N157" s="84">
        <v>5.38</v>
      </c>
      <c r="O157" s="85">
        <v>0.1176</v>
      </c>
      <c r="P157" s="132">
        <v>0.51600000000000001</v>
      </c>
      <c r="Q157" s="94">
        <v>3.3169319360906072E-2</v>
      </c>
      <c r="R157" s="132">
        <v>0.311</v>
      </c>
      <c r="S157" s="94">
        <v>3.0746442740101517E-2</v>
      </c>
      <c r="T157" s="132">
        <v>0.11699999999999999</v>
      </c>
      <c r="U157" s="94">
        <v>2.1466146625988017E-2</v>
      </c>
      <c r="V157" s="132">
        <v>5.6000000000000001E-2</v>
      </c>
      <c r="W157" s="94">
        <v>1.5508567381875855E-2</v>
      </c>
    </row>
    <row r="158" spans="1:33">
      <c r="A158" s="49" t="s">
        <v>444</v>
      </c>
      <c r="B158" s="133">
        <v>102</v>
      </c>
      <c r="C158" s="118">
        <v>4.51</v>
      </c>
      <c r="D158" s="119">
        <v>0.3332</v>
      </c>
      <c r="E158" s="134">
        <v>0.16800000000000001</v>
      </c>
      <c r="F158" s="97">
        <v>7.4716529479991745E-2</v>
      </c>
      <c r="G158" s="134">
        <v>0.22700000000000001</v>
      </c>
      <c r="H158" s="97">
        <v>8.2642604325526087E-2</v>
      </c>
      <c r="I158" s="134">
        <v>0.44400000000000001</v>
      </c>
      <c r="J158" s="97">
        <v>9.6562857346060765E-2</v>
      </c>
      <c r="K158" s="134">
        <v>0.161</v>
      </c>
      <c r="L158" s="97">
        <v>7.3610047552859006E-2</v>
      </c>
      <c r="M158" s="133">
        <v>102</v>
      </c>
      <c r="N158" s="118">
        <v>4.72</v>
      </c>
      <c r="O158" s="119">
        <v>0.3528</v>
      </c>
      <c r="P158" s="134">
        <v>0.29299999999999998</v>
      </c>
      <c r="Q158" s="97">
        <v>8.9088438158969427E-2</v>
      </c>
      <c r="R158" s="134">
        <v>0.36799999999999999</v>
      </c>
      <c r="S158" s="97">
        <v>9.3942215717995839E-2</v>
      </c>
      <c r="T158" s="134">
        <v>0.16999999999999998</v>
      </c>
      <c r="U158" s="97">
        <v>7.5025478677232929E-2</v>
      </c>
      <c r="V158" s="134">
        <v>0.16900000000000001</v>
      </c>
      <c r="W158" s="97">
        <v>7.4871396779660038E-2</v>
      </c>
    </row>
    <row r="159" spans="1:33">
      <c r="A159" s="45" t="s">
        <v>445</v>
      </c>
      <c r="B159" s="83">
        <v>305</v>
      </c>
      <c r="C159" s="84">
        <v>3.73</v>
      </c>
      <c r="D159" s="85">
        <v>0.19600000000000001</v>
      </c>
      <c r="E159" s="132">
        <v>0.41599999999999998</v>
      </c>
      <c r="F159" s="94">
        <v>5.6100406660155755E-2</v>
      </c>
      <c r="G159" s="132">
        <v>0.19400000000000001</v>
      </c>
      <c r="H159" s="94">
        <v>4.5335504733048017E-2</v>
      </c>
      <c r="I159" s="132">
        <v>0.33500000000000002</v>
      </c>
      <c r="J159" s="94">
        <v>5.3785537475098288E-2</v>
      </c>
      <c r="K159" s="132">
        <v>5.3999999999999999E-2</v>
      </c>
      <c r="L159" s="94">
        <v>2.6972500902217682E-2</v>
      </c>
      <c r="M159" s="83">
        <v>307</v>
      </c>
      <c r="N159" s="84">
        <v>5.0599999999999996</v>
      </c>
      <c r="O159" s="85">
        <v>0.19600000000000001</v>
      </c>
      <c r="P159" s="132">
        <v>0.43</v>
      </c>
      <c r="Q159" s="94">
        <v>5.6160682936320309E-2</v>
      </c>
      <c r="R159" s="132">
        <v>0.32900000000000001</v>
      </c>
      <c r="S159" s="94">
        <v>5.3375614082596182E-2</v>
      </c>
      <c r="T159" s="132">
        <v>0.187</v>
      </c>
      <c r="U159" s="94">
        <v>4.4582363020959685E-2</v>
      </c>
      <c r="V159" s="132">
        <v>5.3999999999999999E-2</v>
      </c>
      <c r="W159" s="94">
        <v>2.6877812065722081E-2</v>
      </c>
    </row>
    <row r="160" spans="1:33">
      <c r="A160" s="49" t="s">
        <v>440</v>
      </c>
      <c r="B160" s="133">
        <v>105</v>
      </c>
      <c r="C160" s="118">
        <v>3.33</v>
      </c>
      <c r="D160" s="119">
        <v>0.31359999999999999</v>
      </c>
      <c r="E160" s="134">
        <v>0.51</v>
      </c>
      <c r="F160" s="97">
        <v>9.5764850532219989E-2</v>
      </c>
      <c r="G160" s="134">
        <v>0.24</v>
      </c>
      <c r="H160" s="97">
        <v>8.289939338250106E-2</v>
      </c>
      <c r="I160" s="134">
        <v>0.215</v>
      </c>
      <c r="J160" s="97">
        <v>8.0052066349960455E-2</v>
      </c>
      <c r="K160" s="134">
        <v>3.5000000000000003E-2</v>
      </c>
      <c r="L160" s="97">
        <v>4.2557478524401858E-2</v>
      </c>
      <c r="M160" s="133">
        <v>106</v>
      </c>
      <c r="N160" s="118">
        <v>5.22</v>
      </c>
      <c r="O160" s="119">
        <v>0.31359999999999999</v>
      </c>
      <c r="P160" s="134">
        <v>0.48199999999999998</v>
      </c>
      <c r="Q160" s="97">
        <v>9.5288868987766312E-2</v>
      </c>
      <c r="R160" s="134">
        <v>0.35599999999999998</v>
      </c>
      <c r="S160" s="97">
        <v>9.1600844224601199E-2</v>
      </c>
      <c r="T160" s="134">
        <v>0.14400000000000002</v>
      </c>
      <c r="U160" s="97">
        <v>6.9364276591176818E-2</v>
      </c>
      <c r="V160" s="134">
        <v>1.7000000000000001E-2</v>
      </c>
      <c r="W160" s="97">
        <v>3.4834148034238253E-2</v>
      </c>
    </row>
    <row r="161" spans="1:23">
      <c r="A161" s="45" t="s">
        <v>441</v>
      </c>
      <c r="B161" s="83">
        <v>95</v>
      </c>
      <c r="C161" s="84">
        <v>4.01</v>
      </c>
      <c r="D161" s="85">
        <v>0.29399999999999998</v>
      </c>
      <c r="E161" s="132">
        <v>0.33</v>
      </c>
      <c r="F161" s="94">
        <v>9.5004130622810809E-2</v>
      </c>
      <c r="G161" s="132">
        <v>0.22900000000000001</v>
      </c>
      <c r="H161" s="94">
        <v>8.5840758095576744E-2</v>
      </c>
      <c r="I161" s="132">
        <v>0.379</v>
      </c>
      <c r="J161" s="94">
        <v>9.7756285261578743E-2</v>
      </c>
      <c r="K161" s="132">
        <v>6.2E-2</v>
      </c>
      <c r="L161" s="94">
        <v>5.4437569735530135E-2</v>
      </c>
      <c r="M161" s="83">
        <v>96</v>
      </c>
      <c r="N161" s="84">
        <v>5.09</v>
      </c>
      <c r="O161" s="85">
        <v>0.37240000000000001</v>
      </c>
      <c r="P161" s="132">
        <v>0.434</v>
      </c>
      <c r="Q161" s="94">
        <v>9.9193852712756353E-2</v>
      </c>
      <c r="R161" s="132">
        <v>0.34899999999999998</v>
      </c>
      <c r="S161" s="94">
        <v>9.5705088349575224E-2</v>
      </c>
      <c r="T161" s="132">
        <v>0.155</v>
      </c>
      <c r="U161" s="94">
        <v>7.4915034539136408E-2</v>
      </c>
      <c r="V161" s="132">
        <v>6.2E-2</v>
      </c>
      <c r="W161" s="94">
        <v>5.4109729106695773E-2</v>
      </c>
    </row>
    <row r="162" spans="1:23">
      <c r="A162" s="49" t="s">
        <v>442</v>
      </c>
      <c r="B162" s="133">
        <v>81</v>
      </c>
      <c r="C162" s="118">
        <v>4.22</v>
      </c>
      <c r="D162" s="119">
        <v>0.39200000000000002</v>
      </c>
      <c r="E162" s="134">
        <v>0.29199999999999998</v>
      </c>
      <c r="F162" s="97">
        <v>9.9578428170003105E-2</v>
      </c>
      <c r="G162" s="134">
        <v>0.161</v>
      </c>
      <c r="H162" s="97">
        <v>8.2786926443154871E-2</v>
      </c>
      <c r="I162" s="134">
        <v>0.47099999999999997</v>
      </c>
      <c r="J162" s="97">
        <v>0.10829943034319381</v>
      </c>
      <c r="K162" s="134">
        <v>7.5999999999999998E-2</v>
      </c>
      <c r="L162" s="97">
        <v>6.3891810855559603E-2</v>
      </c>
      <c r="M162" s="133">
        <v>81</v>
      </c>
      <c r="N162" s="118">
        <v>4.6399999999999997</v>
      </c>
      <c r="O162" s="119">
        <v>0.39200000000000002</v>
      </c>
      <c r="P162" s="134">
        <v>0.28100000000000003</v>
      </c>
      <c r="Q162" s="97">
        <v>9.8565419364833221E-2</v>
      </c>
      <c r="R162" s="134">
        <v>0.33500000000000002</v>
      </c>
      <c r="S162" s="97">
        <v>0.10296248598025731</v>
      </c>
      <c r="T162" s="134">
        <v>0.29399999999999998</v>
      </c>
      <c r="U162" s="97">
        <v>9.9755937592089505E-2</v>
      </c>
      <c r="V162" s="134">
        <v>0.09</v>
      </c>
      <c r="W162" s="97">
        <v>6.7684010969594741E-2</v>
      </c>
    </row>
    <row r="163" spans="1:23">
      <c r="A163" s="45" t="s">
        <v>446</v>
      </c>
      <c r="B163" s="131">
        <v>116</v>
      </c>
      <c r="C163" s="115">
        <v>2.96</v>
      </c>
      <c r="D163" s="116">
        <v>0.25480000000000003</v>
      </c>
      <c r="E163" s="132">
        <v>0.57599999999999996</v>
      </c>
      <c r="F163" s="94">
        <v>9.0296299091544338E-2</v>
      </c>
      <c r="G163" s="132">
        <v>0.20399999999999999</v>
      </c>
      <c r="H163" s="94">
        <v>7.486158684656094E-2</v>
      </c>
      <c r="I163" s="132">
        <v>0.17</v>
      </c>
      <c r="J163" s="94">
        <v>7.0294380998768322E-2</v>
      </c>
      <c r="K163" s="132">
        <v>0.05</v>
      </c>
      <c r="L163" s="94">
        <v>4.500925830685653E-2</v>
      </c>
      <c r="M163" s="131">
        <v>117</v>
      </c>
      <c r="N163" s="115">
        <v>5.73</v>
      </c>
      <c r="O163" s="116">
        <v>0.27440000000000003</v>
      </c>
      <c r="P163" s="132">
        <v>0.60399999999999998</v>
      </c>
      <c r="Q163" s="94">
        <v>8.9051436056998348E-2</v>
      </c>
      <c r="R163" s="132">
        <v>0.29599999999999999</v>
      </c>
      <c r="S163" s="94">
        <v>8.3535510777044436E-2</v>
      </c>
      <c r="T163" s="132">
        <v>5.6000000000000001E-2</v>
      </c>
      <c r="U163" s="94">
        <v>4.6597396677932501E-2</v>
      </c>
      <c r="V163" s="132">
        <v>4.4999999999999998E-2</v>
      </c>
      <c r="W163" s="94">
        <v>4.3193342741114686E-2</v>
      </c>
    </row>
    <row r="164" spans="1:23">
      <c r="A164" s="49" t="s">
        <v>447</v>
      </c>
      <c r="B164" s="133">
        <v>107</v>
      </c>
      <c r="C164" s="118">
        <v>3.15</v>
      </c>
      <c r="D164" s="119">
        <v>0.27440000000000003</v>
      </c>
      <c r="E164" s="134">
        <v>0.64500000000000002</v>
      </c>
      <c r="F164" s="97">
        <v>9.1131626878583338E-2</v>
      </c>
      <c r="G164" s="134">
        <v>0.183</v>
      </c>
      <c r="H164" s="97">
        <v>7.5127028964279072E-2</v>
      </c>
      <c r="I164" s="134">
        <v>0.122</v>
      </c>
      <c r="J164" s="97">
        <v>6.4995744107475564E-2</v>
      </c>
      <c r="K164" s="134">
        <v>0.05</v>
      </c>
      <c r="L164" s="97">
        <v>4.7203461823813297E-2</v>
      </c>
      <c r="M164" s="133">
        <v>108</v>
      </c>
      <c r="N164" s="118">
        <v>5.55</v>
      </c>
      <c r="O164" s="119">
        <v>0.29399999999999998</v>
      </c>
      <c r="P164" s="134">
        <v>0.52400000000000002</v>
      </c>
      <c r="Q164" s="97">
        <v>9.4389846639816338E-2</v>
      </c>
      <c r="R164" s="134">
        <v>0.35699999999999998</v>
      </c>
      <c r="S164" s="97">
        <v>9.0826671654818045E-2</v>
      </c>
      <c r="T164" s="134">
        <v>0.08</v>
      </c>
      <c r="U164" s="97">
        <v>5.5412414802873504E-2</v>
      </c>
      <c r="V164" s="134">
        <v>3.9E-2</v>
      </c>
      <c r="W164" s="97">
        <v>4.3255056981190809E-2</v>
      </c>
    </row>
    <row r="165" spans="1:23" ht="25.5">
      <c r="A165" s="45" t="s">
        <v>448</v>
      </c>
      <c r="B165" s="83">
        <v>147</v>
      </c>
      <c r="C165" s="84">
        <v>3.57</v>
      </c>
      <c r="D165" s="85">
        <v>0.29399999999999998</v>
      </c>
      <c r="E165" s="132">
        <v>0.499</v>
      </c>
      <c r="F165" s="94">
        <v>8.1378691627991162E-2</v>
      </c>
      <c r="G165" s="132">
        <v>0.153</v>
      </c>
      <c r="H165" s="94">
        <v>5.9996863258012019E-2</v>
      </c>
      <c r="I165" s="132">
        <v>0.30099999999999999</v>
      </c>
      <c r="J165" s="94">
        <v>7.5022164895827359E-2</v>
      </c>
      <c r="K165" s="132">
        <v>4.7E-2</v>
      </c>
      <c r="L165" s="94">
        <v>3.8349732551283412E-2</v>
      </c>
      <c r="M165" s="83">
        <v>148</v>
      </c>
      <c r="N165" s="84">
        <v>5.09</v>
      </c>
      <c r="O165" s="85">
        <v>0.31359999999999999</v>
      </c>
      <c r="P165" s="132">
        <v>0.49099999999999999</v>
      </c>
      <c r="Q165" s="94">
        <v>8.1098252149331987E-2</v>
      </c>
      <c r="R165" s="132">
        <v>0.30099999999999999</v>
      </c>
      <c r="S165" s="94">
        <v>7.477260943805053E-2</v>
      </c>
      <c r="T165" s="132">
        <v>0.16800000000000001</v>
      </c>
      <c r="U165" s="94">
        <v>6.1878686652089121E-2</v>
      </c>
      <c r="V165" s="132">
        <v>3.9E-2</v>
      </c>
      <c r="W165" s="94">
        <v>3.5731874529803462E-2</v>
      </c>
    </row>
    <row r="166" spans="1:23">
      <c r="A166" s="49" t="s">
        <v>449</v>
      </c>
      <c r="B166" s="133">
        <v>195</v>
      </c>
      <c r="C166" s="118">
        <v>4.03</v>
      </c>
      <c r="D166" s="119">
        <v>0.23519999999999999</v>
      </c>
      <c r="E166" s="134">
        <v>0.312</v>
      </c>
      <c r="F166" s="97">
        <v>6.5901187532200575E-2</v>
      </c>
      <c r="G166" s="134">
        <v>0.23200000000000001</v>
      </c>
      <c r="H166" s="97">
        <v>6.032314620637895E-2</v>
      </c>
      <c r="I166" s="134">
        <v>0.35899999999999999</v>
      </c>
      <c r="J166" s="97">
        <v>6.8127902718147226E-2</v>
      </c>
      <c r="K166" s="134">
        <v>9.7000000000000003E-2</v>
      </c>
      <c r="L166" s="97">
        <v>4.3480345443462222E-2</v>
      </c>
      <c r="M166" s="133">
        <v>195</v>
      </c>
      <c r="N166" s="118">
        <v>4.88</v>
      </c>
      <c r="O166" s="119">
        <v>0.23519999999999999</v>
      </c>
      <c r="P166" s="134">
        <v>0.32900000000000001</v>
      </c>
      <c r="Q166" s="97">
        <v>6.678890518714152E-2</v>
      </c>
      <c r="R166" s="134">
        <v>0.40800000000000003</v>
      </c>
      <c r="S166" s="97">
        <v>6.9726362734615521E-2</v>
      </c>
      <c r="T166" s="134">
        <v>0.187</v>
      </c>
      <c r="U166" s="97">
        <v>5.5984540189516145E-2</v>
      </c>
      <c r="V166" s="134">
        <v>7.6999999999999999E-2</v>
      </c>
      <c r="W166" s="97">
        <v>3.9644610400839733E-2</v>
      </c>
    </row>
    <row r="167" spans="1:23">
      <c r="A167" s="57" t="s">
        <v>450</v>
      </c>
      <c r="B167" s="131">
        <v>134</v>
      </c>
      <c r="C167" s="115">
        <v>3.67</v>
      </c>
      <c r="D167" s="116">
        <v>0.23519999999999999</v>
      </c>
      <c r="E167" s="132">
        <v>0.311</v>
      </c>
      <c r="F167" s="94">
        <v>7.9184204849078885E-2</v>
      </c>
      <c r="G167" s="132">
        <v>0.34799999999999998</v>
      </c>
      <c r="H167" s="94">
        <v>8.1332374300132501E-2</v>
      </c>
      <c r="I167" s="132">
        <v>0.20899999999999999</v>
      </c>
      <c r="J167" s="94">
        <v>7.0228797495747383E-2</v>
      </c>
      <c r="K167" s="132">
        <v>0.13200000000000001</v>
      </c>
      <c r="L167" s="94">
        <v>5.9542431317625676E-2</v>
      </c>
      <c r="M167" s="131">
        <v>134</v>
      </c>
      <c r="N167" s="115">
        <v>5.28</v>
      </c>
      <c r="O167" s="116">
        <v>0.25480000000000003</v>
      </c>
      <c r="P167" s="132">
        <v>0.41299999999999998</v>
      </c>
      <c r="Q167" s="94">
        <v>8.390184455667915E-2</v>
      </c>
      <c r="R167" s="132">
        <v>0.42499999999999999</v>
      </c>
      <c r="S167" s="94">
        <v>8.4217861209045911E-2</v>
      </c>
      <c r="T167" s="132">
        <v>4.5999999999999999E-2</v>
      </c>
      <c r="U167" s="94">
        <v>4.0166170523422057E-2</v>
      </c>
      <c r="V167" s="132">
        <v>0.11600000000000001</v>
      </c>
      <c r="W167" s="94">
        <v>5.6713949753608994E-2</v>
      </c>
    </row>
    <row r="168" spans="1:23">
      <c r="A168" s="49" t="s">
        <v>443</v>
      </c>
      <c r="B168" s="133">
        <v>75</v>
      </c>
      <c r="C168" s="118">
        <v>3.66</v>
      </c>
      <c r="D168" s="119">
        <v>0.29399999999999998</v>
      </c>
      <c r="E168" s="134">
        <v>0.36</v>
      </c>
      <c r="F168" s="97">
        <v>0.108460938957029</v>
      </c>
      <c r="G168" s="134">
        <v>0.247</v>
      </c>
      <c r="H168" s="97">
        <v>9.8677027120786326E-2</v>
      </c>
      <c r="I168" s="134">
        <v>0.26300000000000001</v>
      </c>
      <c r="J168" s="97">
        <v>0.10047356223833591</v>
      </c>
      <c r="K168" s="134">
        <v>0.13100000000000001</v>
      </c>
      <c r="L168" s="97">
        <v>8.0277487383954918E-2</v>
      </c>
      <c r="M168" s="133">
        <v>75</v>
      </c>
      <c r="N168" s="118">
        <v>5.2</v>
      </c>
      <c r="O168" s="119">
        <v>0.3332</v>
      </c>
      <c r="P168" s="134">
        <v>0.38</v>
      </c>
      <c r="Q168" s="97">
        <v>0.1095494364300717</v>
      </c>
      <c r="R168" s="134">
        <v>0.42400000000000004</v>
      </c>
      <c r="S168" s="97">
        <v>0.11133120924681056</v>
      </c>
      <c r="T168" s="134">
        <v>6.7000000000000004E-2</v>
      </c>
      <c r="U168" s="97">
        <v>6.4047673641067948E-2</v>
      </c>
      <c r="V168" s="134">
        <v>0.129</v>
      </c>
      <c r="W168" s="97">
        <v>7.9855711659718595E-2</v>
      </c>
    </row>
    <row r="169" spans="1:23">
      <c r="A169" s="57" t="s">
        <v>451</v>
      </c>
      <c r="B169" s="131">
        <v>150</v>
      </c>
      <c r="C169" s="115">
        <v>2.69</v>
      </c>
      <c r="D169" s="116">
        <v>0.23519999999999999</v>
      </c>
      <c r="E169" s="132">
        <v>0.66500000000000004</v>
      </c>
      <c r="F169" s="94">
        <v>7.6306102352922775E-2</v>
      </c>
      <c r="G169" s="132">
        <v>0.191</v>
      </c>
      <c r="H169" s="94">
        <v>6.434780406529518E-2</v>
      </c>
      <c r="I169" s="132">
        <v>0.11700000000000001</v>
      </c>
      <c r="J169" s="94">
        <v>5.3654073338703541E-2</v>
      </c>
      <c r="K169" s="132">
        <v>2.7E-2</v>
      </c>
      <c r="L169" s="94">
        <v>3.1310073454216852E-2</v>
      </c>
      <c r="M169" s="131">
        <v>152</v>
      </c>
      <c r="N169" s="115">
        <v>6.13</v>
      </c>
      <c r="O169" s="116">
        <v>0.23519999999999999</v>
      </c>
      <c r="P169" s="132">
        <v>0.78300000000000003</v>
      </c>
      <c r="Q169" s="94">
        <v>6.6788121298226658E-2</v>
      </c>
      <c r="R169" s="132">
        <v>0.15100000000000002</v>
      </c>
      <c r="S169" s="94">
        <v>5.869633404340828E-2</v>
      </c>
      <c r="T169" s="132">
        <v>5.8999999999999997E-2</v>
      </c>
      <c r="U169" s="94">
        <v>4.0939142046945473E-2</v>
      </c>
      <c r="V169" s="132">
        <v>8.0000000000000002E-3</v>
      </c>
      <c r="W169" s="94">
        <v>2.2753072789126565E-2</v>
      </c>
    </row>
  </sheetData>
  <mergeCells count="21">
    <mergeCell ref="A3:D3"/>
    <mergeCell ref="A4:D4"/>
    <mergeCell ref="A5:D5"/>
    <mergeCell ref="A32:Q32"/>
    <mergeCell ref="A33:Q33"/>
    <mergeCell ref="B34:H34"/>
    <mergeCell ref="I34:Q34"/>
    <mergeCell ref="A90:D90"/>
    <mergeCell ref="A91:D91"/>
    <mergeCell ref="A92:D92"/>
    <mergeCell ref="B63:H63"/>
    <mergeCell ref="A62:H62"/>
    <mergeCell ref="A61:H61"/>
    <mergeCell ref="B150:L150"/>
    <mergeCell ref="M150:W150"/>
    <mergeCell ref="A149:W149"/>
    <mergeCell ref="A148:W148"/>
    <mergeCell ref="A119:S119"/>
    <mergeCell ref="A120:S120"/>
    <mergeCell ref="K121:S121"/>
    <mergeCell ref="B121:J121"/>
  </mergeCells>
  <pageMargins left="0.7" right="0.7" top="0.75" bottom="0.75" header="0.3" footer="0.3"/>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Z198"/>
  <sheetViews>
    <sheetView zoomScaleNormal="100" workbookViewId="0">
      <selection activeCell="A178" sqref="A178:J178"/>
    </sheetView>
  </sheetViews>
  <sheetFormatPr defaultColWidth="16.5703125" defaultRowHeight="15"/>
  <cols>
    <col min="1" max="1" width="42.28515625" customWidth="1"/>
  </cols>
  <sheetData>
    <row r="1" spans="1:15" ht="31.5">
      <c r="A1" s="33" t="s">
        <v>41</v>
      </c>
    </row>
    <row r="3" spans="1:15" ht="18.75">
      <c r="A3" s="316" t="s">
        <v>3</v>
      </c>
      <c r="B3" s="316"/>
      <c r="C3" s="316"/>
      <c r="D3" s="316"/>
      <c r="E3" s="316"/>
      <c r="F3" s="316"/>
      <c r="G3" s="316"/>
      <c r="H3" s="316"/>
      <c r="I3" s="316"/>
      <c r="J3" s="316"/>
      <c r="K3" s="316"/>
      <c r="L3" s="316"/>
      <c r="M3" s="316"/>
      <c r="N3" s="316"/>
      <c r="O3" s="316"/>
    </row>
    <row r="4" spans="1:15" ht="51.75" customHeight="1">
      <c r="A4" s="360" t="s">
        <v>476</v>
      </c>
      <c r="B4" s="360"/>
      <c r="C4" s="360"/>
      <c r="D4" s="360"/>
      <c r="E4" s="360"/>
      <c r="F4" s="360"/>
      <c r="G4" s="360"/>
      <c r="H4" s="360"/>
      <c r="I4" s="360"/>
      <c r="J4" s="360"/>
      <c r="K4" s="360"/>
      <c r="L4" s="360"/>
      <c r="M4" s="360"/>
      <c r="N4" s="360"/>
      <c r="O4" s="360"/>
    </row>
    <row r="5" spans="1:15" ht="34.5" customHeight="1">
      <c r="A5" s="364" t="s">
        <v>135</v>
      </c>
      <c r="B5" s="364"/>
      <c r="C5" s="364"/>
      <c r="D5" s="364"/>
      <c r="E5" s="361" t="s">
        <v>31</v>
      </c>
      <c r="F5" s="361"/>
      <c r="G5" s="361"/>
      <c r="H5" s="361"/>
      <c r="I5" s="361"/>
      <c r="J5" s="361"/>
      <c r="K5" s="361"/>
      <c r="L5" s="361"/>
      <c r="M5" s="361"/>
      <c r="N5" s="361"/>
      <c r="O5" s="361"/>
    </row>
    <row r="6" spans="1:15" ht="39" customHeight="1">
      <c r="A6" s="37" t="s">
        <v>85</v>
      </c>
      <c r="B6" s="38" t="s">
        <v>86</v>
      </c>
      <c r="C6" s="39" t="s">
        <v>87</v>
      </c>
      <c r="D6" s="40" t="s">
        <v>88</v>
      </c>
      <c r="E6" s="65" t="s">
        <v>86</v>
      </c>
      <c r="F6" s="65" t="s">
        <v>362</v>
      </c>
      <c r="G6" s="88" t="s">
        <v>162</v>
      </c>
      <c r="H6" s="65" t="s">
        <v>363</v>
      </c>
      <c r="I6" s="88" t="s">
        <v>223</v>
      </c>
      <c r="J6" s="65" t="s">
        <v>364</v>
      </c>
      <c r="K6" s="88" t="s">
        <v>225</v>
      </c>
      <c r="L6" s="65" t="s">
        <v>365</v>
      </c>
      <c r="M6" s="88" t="s">
        <v>226</v>
      </c>
      <c r="N6" s="65" t="s">
        <v>366</v>
      </c>
      <c r="O6" s="88" t="s">
        <v>229</v>
      </c>
    </row>
    <row r="7" spans="1:15" ht="84">
      <c r="A7" s="41"/>
      <c r="B7" s="42" t="s">
        <v>89</v>
      </c>
      <c r="C7" s="43" t="s">
        <v>137</v>
      </c>
      <c r="D7" s="44" t="s">
        <v>91</v>
      </c>
      <c r="E7" s="68" t="s">
        <v>89</v>
      </c>
      <c r="F7" s="68" t="s">
        <v>224</v>
      </c>
      <c r="G7" s="90" t="s">
        <v>104</v>
      </c>
      <c r="H7" s="68" t="s">
        <v>222</v>
      </c>
      <c r="I7" s="90" t="s">
        <v>104</v>
      </c>
      <c r="J7" s="68" t="s">
        <v>202</v>
      </c>
      <c r="K7" s="90" t="s">
        <v>104</v>
      </c>
      <c r="L7" s="68" t="s">
        <v>227</v>
      </c>
      <c r="M7" s="90" t="s">
        <v>104</v>
      </c>
      <c r="N7" s="68" t="s">
        <v>228</v>
      </c>
      <c r="O7" s="90" t="s">
        <v>104</v>
      </c>
    </row>
    <row r="8" spans="1:15">
      <c r="A8" s="45" t="s">
        <v>435</v>
      </c>
      <c r="B8" s="135">
        <v>8917</v>
      </c>
      <c r="C8" s="136">
        <v>3.25</v>
      </c>
      <c r="D8" s="128">
        <v>1.9599999999999999E-2</v>
      </c>
      <c r="E8" s="120">
        <v>8917</v>
      </c>
      <c r="F8" s="137">
        <v>0.05</v>
      </c>
      <c r="G8" s="94">
        <v>4.6237934270870803E-3</v>
      </c>
      <c r="H8" s="138">
        <v>0.182</v>
      </c>
      <c r="I8" s="94">
        <v>8.1727416690349861E-3</v>
      </c>
      <c r="J8" s="138">
        <v>0.33</v>
      </c>
      <c r="K8" s="94">
        <v>9.9573332700060076E-3</v>
      </c>
      <c r="L8" s="138">
        <v>0.33800000000000002</v>
      </c>
      <c r="M8" s="94">
        <v>1.0016901517968137E-2</v>
      </c>
      <c r="N8" s="138">
        <v>9.9000000000000005E-2</v>
      </c>
      <c r="O8" s="94">
        <v>6.3292740295217663E-3</v>
      </c>
    </row>
    <row r="9" spans="1:15">
      <c r="A9" s="49" t="s">
        <v>436</v>
      </c>
      <c r="B9" s="139">
        <v>8330</v>
      </c>
      <c r="C9" s="140">
        <v>3.26</v>
      </c>
      <c r="D9" s="130">
        <v>1.9599999999999999E-2</v>
      </c>
      <c r="E9" s="123">
        <v>8330</v>
      </c>
      <c r="F9" s="141">
        <v>0.05</v>
      </c>
      <c r="G9" s="97">
        <v>4.7845011054731337E-3</v>
      </c>
      <c r="H9" s="142">
        <v>0.182</v>
      </c>
      <c r="I9" s="97">
        <v>8.4558466709438972E-3</v>
      </c>
      <c r="J9" s="142">
        <v>0.33</v>
      </c>
      <c r="K9" s="97">
        <v>1.0302078539466658E-2</v>
      </c>
      <c r="L9" s="142">
        <v>0.33600000000000002</v>
      </c>
      <c r="M9" s="97">
        <v>1.0348610641627292E-2</v>
      </c>
      <c r="N9" s="142">
        <v>0.10100000000000001</v>
      </c>
      <c r="O9" s="97">
        <v>6.6070692504178515E-3</v>
      </c>
    </row>
    <row r="10" spans="1:15">
      <c r="A10" s="45" t="s">
        <v>437</v>
      </c>
      <c r="B10" s="54">
        <v>772</v>
      </c>
      <c r="C10" s="55">
        <v>3.22</v>
      </c>
      <c r="D10" s="56">
        <v>7.8399999999999997E-2</v>
      </c>
      <c r="E10" s="83">
        <v>772</v>
      </c>
      <c r="F10" s="98">
        <v>6.4399999999999999E-2</v>
      </c>
      <c r="G10" s="94">
        <v>1.7906365381094184E-2</v>
      </c>
      <c r="H10" s="98">
        <v>0.17</v>
      </c>
      <c r="I10" s="94">
        <v>2.7075665921326226E-2</v>
      </c>
      <c r="J10" s="98">
        <v>0.33339999999999997</v>
      </c>
      <c r="K10" s="94">
        <v>3.3868289636283841E-2</v>
      </c>
      <c r="L10" s="98">
        <v>0.34289999999999998</v>
      </c>
      <c r="M10" s="94">
        <v>3.4099110507072941E-2</v>
      </c>
      <c r="N10" s="98">
        <v>8.9300000000000004E-2</v>
      </c>
      <c r="O10" s="94">
        <v>2.0691641389177114E-2</v>
      </c>
    </row>
    <row r="11" spans="1:15">
      <c r="A11" s="49" t="s">
        <v>438</v>
      </c>
      <c r="B11" s="139">
        <v>907</v>
      </c>
      <c r="C11" s="140">
        <v>3.16</v>
      </c>
      <c r="D11" s="130">
        <v>5.8799999999999998E-2</v>
      </c>
      <c r="E11" s="123">
        <v>907</v>
      </c>
      <c r="F11" s="141">
        <v>5.5E-2</v>
      </c>
      <c r="G11" s="97">
        <v>1.5356738593057338E-2</v>
      </c>
      <c r="H11" s="142">
        <v>0.2</v>
      </c>
      <c r="I11" s="97">
        <v>2.6570421326848552E-2</v>
      </c>
      <c r="J11" s="142">
        <v>0.34799999999999998</v>
      </c>
      <c r="K11" s="97">
        <v>3.1577510353051751E-2</v>
      </c>
      <c r="L11" s="142">
        <v>0.32</v>
      </c>
      <c r="M11" s="97">
        <v>3.0930246076437351E-2</v>
      </c>
      <c r="N11" s="142">
        <v>7.6999999999999999E-2</v>
      </c>
      <c r="O11" s="97">
        <v>1.7858920964024954E-2</v>
      </c>
    </row>
    <row r="12" spans="1:15">
      <c r="A12" s="45" t="s">
        <v>439</v>
      </c>
      <c r="B12" s="54">
        <v>852</v>
      </c>
      <c r="C12" s="55">
        <v>3.16</v>
      </c>
      <c r="D12" s="56">
        <v>5.8799999999999998E-2</v>
      </c>
      <c r="E12" s="83">
        <v>852</v>
      </c>
      <c r="F12" s="98">
        <v>5.8999999999999997E-2</v>
      </c>
      <c r="G12" s="94">
        <v>1.6367898368498415E-2</v>
      </c>
      <c r="H12" s="98">
        <v>0.193</v>
      </c>
      <c r="I12" s="94">
        <v>2.7053924496136961E-2</v>
      </c>
      <c r="J12" s="98">
        <v>0.34899999999999998</v>
      </c>
      <c r="K12" s="94">
        <v>3.2598635053704923E-2</v>
      </c>
      <c r="L12" s="98">
        <v>0.32200000000000001</v>
      </c>
      <c r="M12" s="94">
        <v>3.196167537825035E-2</v>
      </c>
      <c r="N12" s="98">
        <v>7.5999999999999998E-2</v>
      </c>
      <c r="O12" s="94">
        <v>1.8329821464081231E-2</v>
      </c>
    </row>
    <row r="13" spans="1:15">
      <c r="A13" s="49" t="s">
        <v>444</v>
      </c>
      <c r="B13" s="139">
        <v>17</v>
      </c>
      <c r="C13" s="140">
        <v>3.39</v>
      </c>
      <c r="D13" s="130">
        <v>0.49</v>
      </c>
      <c r="E13" s="123">
        <v>17</v>
      </c>
      <c r="F13" s="141">
        <v>0</v>
      </c>
      <c r="G13" s="97">
        <v>0.12811289697800937</v>
      </c>
      <c r="H13" s="142">
        <v>0.2</v>
      </c>
      <c r="I13" s="97">
        <v>0.19074810523343549</v>
      </c>
      <c r="J13" s="142">
        <v>0.32800000000000001</v>
      </c>
      <c r="K13" s="97">
        <v>0.20958587413071664</v>
      </c>
      <c r="L13" s="142">
        <v>0.35699999999999998</v>
      </c>
      <c r="M13" s="97">
        <v>0.21228874379952445</v>
      </c>
      <c r="N13" s="142">
        <v>0.115</v>
      </c>
      <c r="O13" s="97">
        <v>0.17063684015162497</v>
      </c>
    </row>
    <row r="14" spans="1:15">
      <c r="A14" s="45" t="s">
        <v>445</v>
      </c>
      <c r="B14" s="54">
        <v>273</v>
      </c>
      <c r="C14" s="55">
        <v>3.19</v>
      </c>
      <c r="D14" s="56">
        <v>0.1176</v>
      </c>
      <c r="E14" s="83">
        <v>273</v>
      </c>
      <c r="F14" s="98">
        <v>0.05</v>
      </c>
      <c r="G14" s="94">
        <v>2.7744618995950533E-2</v>
      </c>
      <c r="H14" s="98">
        <v>0.20599999999999999</v>
      </c>
      <c r="I14" s="94">
        <v>4.8966550493733621E-2</v>
      </c>
      <c r="J14" s="98">
        <v>0.32200000000000001</v>
      </c>
      <c r="K14" s="94">
        <v>5.6264518951641397E-2</v>
      </c>
      <c r="L14" s="98">
        <v>0.35199999999999998</v>
      </c>
      <c r="M14" s="94">
        <v>5.7470637794898062E-2</v>
      </c>
      <c r="N14" s="98">
        <v>7.0000000000000007E-2</v>
      </c>
      <c r="O14" s="94">
        <v>3.1884610487014298E-2</v>
      </c>
    </row>
    <row r="15" spans="1:15">
      <c r="A15" s="49" t="s">
        <v>440</v>
      </c>
      <c r="B15" s="139">
        <v>92</v>
      </c>
      <c r="C15" s="140">
        <v>2.99</v>
      </c>
      <c r="D15" s="130">
        <v>0.19600000000000001</v>
      </c>
      <c r="E15" s="123">
        <v>92</v>
      </c>
      <c r="F15" s="141">
        <v>0</v>
      </c>
      <c r="G15" s="97">
        <v>2.9154263235671291E-2</v>
      </c>
      <c r="H15" s="142">
        <v>0.33600000000000002</v>
      </c>
      <c r="I15" s="97">
        <v>9.6888819205505017E-2</v>
      </c>
      <c r="J15" s="142">
        <v>0.38400000000000001</v>
      </c>
      <c r="K15" s="97">
        <v>9.9507531587275308E-2</v>
      </c>
      <c r="L15" s="142">
        <v>0.22700000000000001</v>
      </c>
      <c r="M15" s="97">
        <v>8.697517830177183E-2</v>
      </c>
      <c r="N15" s="142">
        <v>5.1999999999999998E-2</v>
      </c>
      <c r="O15" s="97">
        <v>5.2310327568945408E-2</v>
      </c>
    </row>
    <row r="16" spans="1:15">
      <c r="A16" s="45" t="s">
        <v>441</v>
      </c>
      <c r="B16" s="54">
        <v>91</v>
      </c>
      <c r="C16" s="55">
        <v>3.52</v>
      </c>
      <c r="D16" s="56">
        <v>0.23519999999999999</v>
      </c>
      <c r="E16" s="83">
        <v>91</v>
      </c>
      <c r="F16" s="98">
        <v>5.1999999999999998E-2</v>
      </c>
      <c r="G16" s="94">
        <v>5.2652413649047651E-2</v>
      </c>
      <c r="H16" s="98">
        <v>0.107</v>
      </c>
      <c r="I16" s="94">
        <v>6.752260165145027E-2</v>
      </c>
      <c r="J16" s="98">
        <v>0.23899999999999999</v>
      </c>
      <c r="K16" s="94">
        <v>8.8851084578589465E-2</v>
      </c>
      <c r="L16" s="98">
        <v>0.47799999999999998</v>
      </c>
      <c r="M16" s="94">
        <v>0.10250666727148609</v>
      </c>
      <c r="N16" s="98">
        <v>0.125</v>
      </c>
      <c r="O16" s="94">
        <v>7.1367926685055913E-2</v>
      </c>
    </row>
    <row r="17" spans="1:19">
      <c r="A17" s="49" t="s">
        <v>442</v>
      </c>
      <c r="B17" s="139">
        <v>67</v>
      </c>
      <c r="C17" s="140">
        <v>2.92</v>
      </c>
      <c r="D17" s="130">
        <v>0.23519999999999999</v>
      </c>
      <c r="E17" s="123">
        <v>67</v>
      </c>
      <c r="F17" s="141">
        <v>9.5000000000000001E-2</v>
      </c>
      <c r="G17" s="97">
        <v>7.6521590123204974E-2</v>
      </c>
      <c r="H17" s="142">
        <v>0.222</v>
      </c>
      <c r="I17" s="97">
        <v>0.10103095578504183</v>
      </c>
      <c r="J17" s="142">
        <v>0.40100000000000002</v>
      </c>
      <c r="K17" s="97">
        <v>0.11658817129252513</v>
      </c>
      <c r="L17" s="142">
        <v>0.23300000000000001</v>
      </c>
      <c r="M17" s="97">
        <v>0.10250861701718925</v>
      </c>
      <c r="N17" s="142">
        <v>4.8000000000000001E-2</v>
      </c>
      <c r="O17" s="97">
        <v>6.1925768168979989E-2</v>
      </c>
    </row>
    <row r="18" spans="1:19">
      <c r="A18" s="45" t="s">
        <v>446</v>
      </c>
      <c r="B18" s="135">
        <v>95</v>
      </c>
      <c r="C18" s="136">
        <v>3.04</v>
      </c>
      <c r="D18" s="128">
        <v>0.1764</v>
      </c>
      <c r="E18" s="120">
        <v>95</v>
      </c>
      <c r="F18" s="137">
        <v>1.0999999999999999E-2</v>
      </c>
      <c r="G18" s="94">
        <v>3.4706007567224903E-2</v>
      </c>
      <c r="H18" s="138">
        <v>0.27</v>
      </c>
      <c r="I18" s="94">
        <v>9.0182394066647423E-2</v>
      </c>
      <c r="J18" s="138">
        <v>0.435</v>
      </c>
      <c r="K18" s="94">
        <v>9.9718698668214187E-2</v>
      </c>
      <c r="L18" s="138">
        <v>0.23</v>
      </c>
      <c r="M18" s="94">
        <v>8.5957918016640003E-2</v>
      </c>
      <c r="N18" s="138">
        <v>5.2999999999999999E-2</v>
      </c>
      <c r="O18" s="94">
        <v>5.1644079648138268E-2</v>
      </c>
    </row>
    <row r="19" spans="1:19">
      <c r="A19" s="49" t="s">
        <v>447</v>
      </c>
      <c r="B19" s="139">
        <v>101</v>
      </c>
      <c r="C19" s="140">
        <v>3.23</v>
      </c>
      <c r="D19" s="130">
        <v>0.19600000000000001</v>
      </c>
      <c r="E19" s="123">
        <v>101</v>
      </c>
      <c r="F19" s="141">
        <v>1.4999999999999999E-2</v>
      </c>
      <c r="G19" s="97">
        <v>3.5108286986675293E-2</v>
      </c>
      <c r="H19" s="142">
        <v>0.187</v>
      </c>
      <c r="I19" s="97">
        <v>7.791402527410024E-2</v>
      </c>
      <c r="J19" s="142">
        <v>0.41299999999999998</v>
      </c>
      <c r="K19" s="97">
        <v>9.621339402341221E-2</v>
      </c>
      <c r="L19" s="142">
        <v>0.32200000000000001</v>
      </c>
      <c r="M19" s="97">
        <v>9.1689753850881753E-2</v>
      </c>
      <c r="N19" s="142">
        <v>6.2E-2</v>
      </c>
      <c r="O19" s="97">
        <v>5.2551751419524312E-2</v>
      </c>
    </row>
    <row r="20" spans="1:19" ht="25.5">
      <c r="A20" s="45" t="s">
        <v>448</v>
      </c>
      <c r="B20" s="54">
        <v>127</v>
      </c>
      <c r="C20" s="55">
        <v>3.26</v>
      </c>
      <c r="D20" s="56">
        <v>0.1764</v>
      </c>
      <c r="E20" s="83">
        <v>127</v>
      </c>
      <c r="F20" s="98">
        <v>1.7000000000000001E-2</v>
      </c>
      <c r="G20" s="94">
        <v>3.0637077911914005E-2</v>
      </c>
      <c r="H20" s="98">
        <v>0.222</v>
      </c>
      <c r="I20" s="94">
        <v>7.3591315890176492E-2</v>
      </c>
      <c r="J20" s="98">
        <v>0.34100000000000003</v>
      </c>
      <c r="K20" s="94">
        <v>8.3114802827808504E-2</v>
      </c>
      <c r="L20" s="98">
        <v>0.32600000000000001</v>
      </c>
      <c r="M20" s="94">
        <v>8.2247938010743801E-2</v>
      </c>
      <c r="N20" s="98">
        <v>9.4E-2</v>
      </c>
      <c r="O20" s="94">
        <v>5.3880454705617545E-2</v>
      </c>
    </row>
    <row r="21" spans="1:19">
      <c r="A21" s="49" t="s">
        <v>449</v>
      </c>
      <c r="B21" s="139">
        <v>65</v>
      </c>
      <c r="C21" s="140">
        <v>2.99</v>
      </c>
      <c r="D21" s="130">
        <v>0.27440000000000003</v>
      </c>
      <c r="E21" s="123">
        <v>65</v>
      </c>
      <c r="F21" s="141">
        <v>0.104</v>
      </c>
      <c r="G21" s="97">
        <v>8.0158742261760632E-2</v>
      </c>
      <c r="H21" s="142">
        <v>0.23200000000000001</v>
      </c>
      <c r="I21" s="97">
        <v>0.10391246198539739</v>
      </c>
      <c r="J21" s="142">
        <v>0.28999999999999998</v>
      </c>
      <c r="K21" s="97">
        <v>0.11056241972841044</v>
      </c>
      <c r="L21" s="142">
        <v>0.32200000000000001</v>
      </c>
      <c r="M21" s="97">
        <v>0.11341421549717075</v>
      </c>
      <c r="N21" s="142">
        <v>5.1999999999999998E-2</v>
      </c>
      <c r="O21" s="97">
        <v>6.4557147087677028E-2</v>
      </c>
    </row>
    <row r="22" spans="1:19">
      <c r="A22" s="57" t="s">
        <v>450</v>
      </c>
      <c r="B22" s="135">
        <v>105</v>
      </c>
      <c r="C22" s="136">
        <v>3.4</v>
      </c>
      <c r="D22" s="128">
        <v>0.19600000000000001</v>
      </c>
      <c r="E22" s="120">
        <v>105</v>
      </c>
      <c r="F22" s="137">
        <v>7.2999999999999995E-2</v>
      </c>
      <c r="G22" s="94">
        <v>5.445557222218432E-2</v>
      </c>
      <c r="H22" s="138">
        <v>6.3E-2</v>
      </c>
      <c r="I22" s="94">
        <v>5.1683545812364166E-2</v>
      </c>
      <c r="J22" s="138">
        <v>0.38200000000000001</v>
      </c>
      <c r="K22" s="94">
        <v>9.3274615497291519E-2</v>
      </c>
      <c r="L22" s="138">
        <v>0.35699999999999998</v>
      </c>
      <c r="M22" s="94">
        <v>9.2075817505582344E-2</v>
      </c>
      <c r="N22" s="138">
        <v>0.124</v>
      </c>
      <c r="O22" s="94">
        <v>6.6030249065445898E-2</v>
      </c>
    </row>
    <row r="23" spans="1:19">
      <c r="A23" s="49" t="s">
        <v>443</v>
      </c>
      <c r="B23" s="139">
        <v>71</v>
      </c>
      <c r="C23" s="140">
        <v>3.51</v>
      </c>
      <c r="D23" s="130">
        <v>0.21559999999999999</v>
      </c>
      <c r="E23" s="123">
        <v>71</v>
      </c>
      <c r="F23" s="141">
        <v>6.0999999999999999E-2</v>
      </c>
      <c r="G23" s="97">
        <v>6.4202896087903027E-2</v>
      </c>
      <c r="H23" s="142">
        <v>5.7000000000000002E-2</v>
      </c>
      <c r="I23" s="97">
        <v>6.2875965641947862E-2</v>
      </c>
      <c r="J23" s="142">
        <v>0.33500000000000002</v>
      </c>
      <c r="K23" s="97">
        <v>0.10969085285473898</v>
      </c>
      <c r="L23" s="142">
        <v>0.40400000000000003</v>
      </c>
      <c r="M23" s="97">
        <v>0.11354666015343648</v>
      </c>
      <c r="N23" s="142">
        <v>0.14299999999999999</v>
      </c>
      <c r="O23" s="97">
        <v>8.5098543160268034E-2</v>
      </c>
    </row>
    <row r="24" spans="1:19">
      <c r="A24" s="57" t="s">
        <v>451</v>
      </c>
      <c r="B24" s="135">
        <v>125</v>
      </c>
      <c r="C24" s="136">
        <v>2.8</v>
      </c>
      <c r="D24" s="128">
        <v>0.19600000000000001</v>
      </c>
      <c r="E24" s="120">
        <v>125</v>
      </c>
      <c r="F24" s="137">
        <v>0.14599999999999999</v>
      </c>
      <c r="G24" s="94">
        <v>6.4057882248511666E-2</v>
      </c>
      <c r="H24" s="138">
        <v>0.26800000000000002</v>
      </c>
      <c r="I24" s="94">
        <v>7.8643966980720764E-2</v>
      </c>
      <c r="J24" s="138">
        <v>0.27700000000000002</v>
      </c>
      <c r="K24" s="94">
        <v>7.9398349136275442E-2</v>
      </c>
      <c r="L24" s="138">
        <v>0.25900000000000001</v>
      </c>
      <c r="M24" s="94">
        <v>7.7851992097354397E-2</v>
      </c>
      <c r="N24" s="138">
        <v>0.05</v>
      </c>
      <c r="O24" s="94">
        <v>4.3083995732559582E-2</v>
      </c>
    </row>
    <row r="32" spans="1:19" ht="18.75">
      <c r="A32" s="324" t="s">
        <v>293</v>
      </c>
      <c r="B32" s="324"/>
      <c r="C32" s="324"/>
      <c r="D32" s="324"/>
      <c r="E32" s="324"/>
      <c r="F32" s="324"/>
      <c r="G32" s="324"/>
      <c r="H32" s="324"/>
      <c r="I32" s="324"/>
      <c r="J32" s="324"/>
      <c r="K32" s="324"/>
      <c r="L32" s="226"/>
      <c r="M32" s="226"/>
      <c r="N32" s="226"/>
      <c r="O32" s="226"/>
      <c r="P32" s="256"/>
      <c r="Q32" s="256"/>
      <c r="R32" s="256"/>
      <c r="S32" s="256"/>
    </row>
    <row r="33" spans="1:19" ht="55.5" customHeight="1">
      <c r="A33" s="369" t="s">
        <v>477</v>
      </c>
      <c r="B33" s="369"/>
      <c r="C33" s="369"/>
      <c r="D33" s="369"/>
      <c r="E33" s="369"/>
      <c r="F33" s="369"/>
      <c r="G33" s="369"/>
      <c r="H33" s="369"/>
      <c r="I33" s="369"/>
      <c r="J33" s="369"/>
      <c r="K33" s="369"/>
      <c r="L33" s="267"/>
      <c r="M33" s="267"/>
      <c r="N33" s="267"/>
      <c r="O33" s="267"/>
      <c r="P33" s="256"/>
      <c r="Q33" s="256"/>
      <c r="R33" s="256"/>
      <c r="S33" s="256"/>
    </row>
    <row r="34" spans="1:19" ht="33" customHeight="1">
      <c r="A34" s="361" t="s">
        <v>294</v>
      </c>
      <c r="B34" s="361"/>
      <c r="C34" s="361"/>
      <c r="D34" s="361"/>
      <c r="E34" s="370" t="s">
        <v>399</v>
      </c>
      <c r="F34" s="371"/>
      <c r="G34" s="371"/>
      <c r="H34" s="371"/>
      <c r="I34" s="371"/>
      <c r="J34" s="371"/>
      <c r="K34" s="372"/>
    </row>
    <row r="35" spans="1:19" ht="57.75" customHeight="1">
      <c r="A35" s="37" t="s">
        <v>85</v>
      </c>
      <c r="B35" s="38" t="s">
        <v>86</v>
      </c>
      <c r="C35" s="39" t="s">
        <v>87</v>
      </c>
      <c r="D35" s="40" t="s">
        <v>88</v>
      </c>
      <c r="E35" s="65" t="s">
        <v>86</v>
      </c>
      <c r="F35" s="65" t="s">
        <v>334</v>
      </c>
      <c r="G35" s="88" t="s">
        <v>337</v>
      </c>
      <c r="H35" s="65" t="s">
        <v>335</v>
      </c>
      <c r="I35" s="88" t="s">
        <v>338</v>
      </c>
      <c r="J35" s="65" t="s">
        <v>336</v>
      </c>
      <c r="K35" s="88" t="s">
        <v>339</v>
      </c>
    </row>
    <row r="36" spans="1:19" ht="84">
      <c r="A36" s="41"/>
      <c r="B36" s="42" t="s">
        <v>89</v>
      </c>
      <c r="C36" s="43" t="s">
        <v>434</v>
      </c>
      <c r="D36" s="44" t="s">
        <v>91</v>
      </c>
      <c r="E36" s="68" t="s">
        <v>89</v>
      </c>
      <c r="F36" s="68" t="s">
        <v>396</v>
      </c>
      <c r="G36" s="90" t="s">
        <v>104</v>
      </c>
      <c r="H36" s="68" t="s">
        <v>397</v>
      </c>
      <c r="I36" s="90" t="s">
        <v>104</v>
      </c>
      <c r="J36" s="68" t="s">
        <v>398</v>
      </c>
      <c r="K36" s="90" t="s">
        <v>104</v>
      </c>
    </row>
    <row r="37" spans="1:19">
      <c r="A37" s="45" t="s">
        <v>435</v>
      </c>
      <c r="B37" s="143">
        <v>8499</v>
      </c>
      <c r="C37" s="84">
        <v>7</v>
      </c>
      <c r="D37" s="85">
        <v>3.9199999999999999E-2</v>
      </c>
      <c r="E37" s="83">
        <v>8499</v>
      </c>
      <c r="F37" s="98">
        <v>0.375</v>
      </c>
      <c r="G37" s="94">
        <v>1.0500577029469939E-2</v>
      </c>
      <c r="H37" s="98">
        <v>0.29199999999999998</v>
      </c>
      <c r="I37" s="94">
        <v>9.8626745175174474E-3</v>
      </c>
      <c r="J37" s="98">
        <v>0.33300000000000002</v>
      </c>
      <c r="K37" s="94">
        <v>1.0222440351509997E-2</v>
      </c>
    </row>
    <row r="38" spans="1:19">
      <c r="A38" s="49" t="s">
        <v>436</v>
      </c>
      <c r="B38" s="49">
        <v>7903</v>
      </c>
      <c r="C38" s="145">
        <v>6.98</v>
      </c>
      <c r="D38" s="146">
        <v>3.9199999999999999E-2</v>
      </c>
      <c r="E38" s="123">
        <v>7903</v>
      </c>
      <c r="F38" s="141">
        <v>0.38</v>
      </c>
      <c r="G38" s="97">
        <v>1.0917550105584376E-2</v>
      </c>
      <c r="H38" s="142">
        <v>0.28899999999999998</v>
      </c>
      <c r="I38" s="97">
        <v>1.0196601185226134E-2</v>
      </c>
      <c r="J38" s="142">
        <v>0.33100000000000002</v>
      </c>
      <c r="K38" s="97">
        <v>1.0584723311543207E-2</v>
      </c>
    </row>
    <row r="39" spans="1:19">
      <c r="A39" s="45" t="s">
        <v>437</v>
      </c>
      <c r="B39" s="53">
        <v>762</v>
      </c>
      <c r="C39" s="84">
        <v>6.6</v>
      </c>
      <c r="D39" s="85">
        <v>0.15679999999999999</v>
      </c>
      <c r="E39" s="83">
        <v>762</v>
      </c>
      <c r="F39" s="98">
        <v>0.43330000000000002</v>
      </c>
      <c r="G39" s="94">
        <v>3.5811914545822561E-2</v>
      </c>
      <c r="H39" s="98">
        <v>0.31990000000000002</v>
      </c>
      <c r="I39" s="94">
        <v>3.3732309960219774E-2</v>
      </c>
      <c r="J39" s="98">
        <v>0.2467</v>
      </c>
      <c r="K39" s="94">
        <v>3.1207839281605552E-2</v>
      </c>
    </row>
    <row r="40" spans="1:19">
      <c r="A40" s="49" t="s">
        <v>438</v>
      </c>
      <c r="B40" s="49">
        <v>886</v>
      </c>
      <c r="C40" s="145">
        <v>6.8</v>
      </c>
      <c r="D40" s="146">
        <v>0.15679999999999999</v>
      </c>
      <c r="E40" s="123">
        <v>886</v>
      </c>
      <c r="F40" s="141">
        <v>0.42099999999999999</v>
      </c>
      <c r="G40" s="97">
        <v>3.3102834177960422E-2</v>
      </c>
      <c r="H40" s="142">
        <v>0.29199999999999998</v>
      </c>
      <c r="I40" s="97">
        <v>3.0510562987803448E-2</v>
      </c>
      <c r="J40" s="142">
        <v>0.28699999999999998</v>
      </c>
      <c r="K40" s="97">
        <v>3.0356525300872676E-2</v>
      </c>
    </row>
    <row r="41" spans="1:19">
      <c r="A41" s="45" t="s">
        <v>439</v>
      </c>
      <c r="B41" s="53">
        <v>828</v>
      </c>
      <c r="C41" s="84">
        <v>6.74</v>
      </c>
      <c r="D41" s="85">
        <v>0.15679999999999999</v>
      </c>
      <c r="E41" s="83">
        <v>828</v>
      </c>
      <c r="F41" s="98">
        <v>0.439</v>
      </c>
      <c r="G41" s="94">
        <v>3.4412283476037371E-2</v>
      </c>
      <c r="H41" s="98">
        <v>0.27200000000000002</v>
      </c>
      <c r="I41" s="94">
        <v>3.0893321767180317E-2</v>
      </c>
      <c r="J41" s="98">
        <v>0.28899999999999998</v>
      </c>
      <c r="K41" s="94">
        <v>3.1463200229386E-2</v>
      </c>
    </row>
    <row r="42" spans="1:19">
      <c r="A42" s="49" t="s">
        <v>444</v>
      </c>
      <c r="B42" s="49">
        <v>17</v>
      </c>
      <c r="C42" s="145">
        <v>6.93</v>
      </c>
      <c r="D42" s="146">
        <v>0.99960000000000004</v>
      </c>
      <c r="E42" s="123">
        <v>17</v>
      </c>
      <c r="F42" s="141">
        <v>0.26500000000000001</v>
      </c>
      <c r="G42" s="97">
        <v>0.20180587896490146</v>
      </c>
      <c r="H42" s="142">
        <v>0.60399999999999998</v>
      </c>
      <c r="I42" s="97">
        <v>0.2151021744898261</v>
      </c>
      <c r="J42" s="142">
        <v>0.13100000000000001</v>
      </c>
      <c r="K42" s="97">
        <v>0.17499375526828384</v>
      </c>
    </row>
    <row r="43" spans="1:19">
      <c r="A43" s="45" t="s">
        <v>445</v>
      </c>
      <c r="B43" s="53">
        <v>262</v>
      </c>
      <c r="C43" s="84">
        <v>6.67</v>
      </c>
      <c r="D43" s="85">
        <v>0.27440000000000003</v>
      </c>
      <c r="E43" s="83">
        <v>262</v>
      </c>
      <c r="F43" s="98">
        <v>0.43099999999999999</v>
      </c>
      <c r="G43" s="94">
        <v>6.0744888874213601E-2</v>
      </c>
      <c r="H43" s="98">
        <v>0.309</v>
      </c>
      <c r="I43" s="94">
        <v>5.6808334069272971E-2</v>
      </c>
      <c r="J43" s="98">
        <v>0.26</v>
      </c>
      <c r="K43" s="94">
        <v>5.4028578595141256E-2</v>
      </c>
    </row>
    <row r="44" spans="1:19">
      <c r="A44" s="49" t="s">
        <v>440</v>
      </c>
      <c r="B44" s="49">
        <v>92</v>
      </c>
      <c r="C44" s="145">
        <v>6.8</v>
      </c>
      <c r="D44" s="146">
        <v>0.45080000000000003</v>
      </c>
      <c r="E44" s="123">
        <v>92</v>
      </c>
      <c r="F44" s="141">
        <v>0.42899999999999999</v>
      </c>
      <c r="G44" s="97">
        <v>0.10111262936226575</v>
      </c>
      <c r="H44" s="142">
        <v>0.311</v>
      </c>
      <c r="I44" s="97">
        <v>9.5130115800894852E-2</v>
      </c>
      <c r="J44" s="142">
        <v>0.26100000000000001</v>
      </c>
      <c r="K44" s="97">
        <v>9.0723920708780811E-2</v>
      </c>
    </row>
    <row r="45" spans="1:19">
      <c r="A45" s="45" t="s">
        <v>441</v>
      </c>
      <c r="B45" s="53">
        <v>81</v>
      </c>
      <c r="C45" s="84">
        <v>7.02</v>
      </c>
      <c r="D45" s="85">
        <v>0.5292</v>
      </c>
      <c r="E45" s="83">
        <v>81</v>
      </c>
      <c r="F45" s="98">
        <v>0.32200000000000001</v>
      </c>
      <c r="G45" s="94">
        <v>0.10203294929635603</v>
      </c>
      <c r="H45" s="98">
        <v>0.34100000000000003</v>
      </c>
      <c r="I45" s="94">
        <v>0.1033651215790289</v>
      </c>
      <c r="J45" s="98">
        <v>0.33700000000000002</v>
      </c>
      <c r="K45" s="94">
        <v>0.10309853056311896</v>
      </c>
    </row>
    <row r="46" spans="1:19">
      <c r="A46" s="49" t="s">
        <v>442</v>
      </c>
      <c r="B46" s="49">
        <v>65</v>
      </c>
      <c r="C46" s="145">
        <v>6.37</v>
      </c>
      <c r="D46" s="146">
        <v>0.56839999999999991</v>
      </c>
      <c r="E46" s="123">
        <v>65</v>
      </c>
      <c r="F46" s="141">
        <v>0.51600000000000001</v>
      </c>
      <c r="G46" s="97">
        <v>0.12033114233886971</v>
      </c>
      <c r="H46" s="142">
        <v>0.246</v>
      </c>
      <c r="I46" s="97">
        <v>0.10570599121604884</v>
      </c>
      <c r="J46" s="142">
        <v>0.23899999999999999</v>
      </c>
      <c r="K46" s="97">
        <v>0.10482508741095177</v>
      </c>
    </row>
    <row r="47" spans="1:19">
      <c r="A47" s="45" t="s">
        <v>446</v>
      </c>
      <c r="B47" s="143">
        <v>91</v>
      </c>
      <c r="C47" s="84">
        <v>7.08</v>
      </c>
      <c r="D47" s="85">
        <v>0.43119999999999997</v>
      </c>
      <c r="E47" s="83">
        <v>91</v>
      </c>
      <c r="F47" s="98">
        <v>0.41199999999999998</v>
      </c>
      <c r="G47" s="94">
        <v>0.10112928616186941</v>
      </c>
      <c r="H47" s="98">
        <v>0.27500000000000002</v>
      </c>
      <c r="I47" s="94">
        <v>9.2576774898565264E-2</v>
      </c>
      <c r="J47" s="98">
        <v>0.313</v>
      </c>
      <c r="K47" s="94">
        <v>9.578787155215529E-2</v>
      </c>
    </row>
    <row r="48" spans="1:19">
      <c r="A48" s="49" t="s">
        <v>447</v>
      </c>
      <c r="B48" s="144">
        <v>96</v>
      </c>
      <c r="C48" s="145">
        <v>6.76</v>
      </c>
      <c r="D48" s="146">
        <v>0.50960000000000005</v>
      </c>
      <c r="E48" s="123">
        <v>96</v>
      </c>
      <c r="F48" s="141">
        <v>0.44500000000000001</v>
      </c>
      <c r="G48" s="97">
        <v>9.9440868861851772E-2</v>
      </c>
      <c r="H48" s="142">
        <v>0.224</v>
      </c>
      <c r="I48" s="97">
        <v>8.4804763639786188E-2</v>
      </c>
      <c r="J48" s="142">
        <v>0.33100000000000002</v>
      </c>
      <c r="K48" s="97">
        <v>9.4589255711206438E-2</v>
      </c>
    </row>
    <row r="49" spans="1:22" ht="25.5">
      <c r="A49" s="45" t="s">
        <v>448</v>
      </c>
      <c r="B49" s="83">
        <v>127</v>
      </c>
      <c r="C49" s="84">
        <v>6.98</v>
      </c>
      <c r="D49" s="85">
        <v>0.37240000000000001</v>
      </c>
      <c r="E49" s="83">
        <v>127</v>
      </c>
      <c r="F49" s="98">
        <v>0.41</v>
      </c>
      <c r="G49" s="94">
        <v>8.6029837621924413E-2</v>
      </c>
      <c r="H49" s="98">
        <v>0.29099999999999998</v>
      </c>
      <c r="I49" s="94">
        <v>7.987505818902034E-2</v>
      </c>
      <c r="J49" s="98">
        <v>0.29899999999999999</v>
      </c>
      <c r="K49" s="94">
        <v>8.0462132557887631E-2</v>
      </c>
    </row>
    <row r="50" spans="1:22">
      <c r="A50" s="49" t="s">
        <v>449</v>
      </c>
      <c r="B50" s="144">
        <v>76</v>
      </c>
      <c r="C50" s="145">
        <v>6.75</v>
      </c>
      <c r="D50" s="146">
        <v>0.54880000000000007</v>
      </c>
      <c r="E50" s="123">
        <v>76</v>
      </c>
      <c r="F50" s="141">
        <v>0.39500000000000002</v>
      </c>
      <c r="G50" s="97">
        <v>0.10955590753126918</v>
      </c>
      <c r="H50" s="142">
        <v>0.35399999999999998</v>
      </c>
      <c r="I50" s="97">
        <v>0.10741562037245794</v>
      </c>
      <c r="J50" s="142">
        <v>0.251</v>
      </c>
      <c r="K50" s="97">
        <v>9.8499770938819953E-2</v>
      </c>
    </row>
    <row r="51" spans="1:22">
      <c r="A51" s="57" t="s">
        <v>450</v>
      </c>
      <c r="B51" s="143">
        <v>97</v>
      </c>
      <c r="C51" s="84">
        <v>6.97</v>
      </c>
      <c r="D51" s="85">
        <v>0.43119999999999997</v>
      </c>
      <c r="E51" s="83">
        <v>97</v>
      </c>
      <c r="F51" s="98">
        <v>0.40100000000000002</v>
      </c>
      <c r="G51" s="94">
        <v>9.7688116411191628E-2</v>
      </c>
      <c r="H51" s="98">
        <v>0.28299999999999997</v>
      </c>
      <c r="I51" s="94">
        <v>9.0448161166604243E-2</v>
      </c>
      <c r="J51" s="98">
        <v>0.316</v>
      </c>
      <c r="K51" s="94">
        <v>9.3082006029062359E-2</v>
      </c>
    </row>
    <row r="52" spans="1:22">
      <c r="A52" s="49" t="s">
        <v>443</v>
      </c>
      <c r="B52" s="144">
        <v>62</v>
      </c>
      <c r="C52" s="145">
        <v>6.7</v>
      </c>
      <c r="D52" s="146">
        <v>0.56839999999999991</v>
      </c>
      <c r="E52" s="123">
        <v>62</v>
      </c>
      <c r="F52" s="141">
        <v>0.42099999999999999</v>
      </c>
      <c r="G52" s="97">
        <v>0.12172810264539709</v>
      </c>
      <c r="H52" s="142">
        <v>0.29199999999999998</v>
      </c>
      <c r="I52" s="97">
        <v>0.11330334945117734</v>
      </c>
      <c r="J52" s="142">
        <v>0.28699999999999998</v>
      </c>
      <c r="K52" s="97">
        <v>0.1128054447695096</v>
      </c>
    </row>
    <row r="53" spans="1:22">
      <c r="A53" s="57" t="s">
        <v>451</v>
      </c>
      <c r="B53" s="143">
        <v>122</v>
      </c>
      <c r="C53" s="84">
        <v>6.43</v>
      </c>
      <c r="D53" s="85">
        <v>0.43119999999999997</v>
      </c>
      <c r="E53" s="83">
        <v>122</v>
      </c>
      <c r="F53" s="98">
        <v>0.47599999999999998</v>
      </c>
      <c r="G53" s="94">
        <v>8.8990812960772603E-2</v>
      </c>
      <c r="H53" s="98">
        <v>0.23400000000000001</v>
      </c>
      <c r="I53" s="94">
        <v>7.63586225113079E-2</v>
      </c>
      <c r="J53" s="98">
        <v>0.28999999999999998</v>
      </c>
      <c r="K53" s="94">
        <v>8.1387873117882592E-2</v>
      </c>
    </row>
    <row r="54" spans="1:22" s="248" customFormat="1">
      <c r="A54" s="241"/>
      <c r="B54" s="242"/>
      <c r="C54" s="243"/>
      <c r="D54" s="244"/>
      <c r="E54" s="245"/>
      <c r="F54" s="246"/>
      <c r="G54" s="247"/>
      <c r="H54" s="246"/>
      <c r="I54" s="247"/>
    </row>
    <row r="55" spans="1:22" s="248" customFormat="1">
      <c r="A55" s="241"/>
      <c r="B55" s="242"/>
      <c r="C55" s="243"/>
      <c r="D55" s="244"/>
      <c r="E55" s="245"/>
      <c r="F55" s="246"/>
      <c r="G55" s="247"/>
      <c r="H55" s="246"/>
      <c r="I55" s="247"/>
    </row>
    <row r="56" spans="1:22" s="248" customFormat="1">
      <c r="A56" s="241"/>
      <c r="B56" s="242"/>
      <c r="C56" s="243"/>
      <c r="D56" s="244"/>
      <c r="E56" s="245"/>
      <c r="F56" s="246"/>
      <c r="G56" s="247"/>
      <c r="H56" s="246"/>
      <c r="I56" s="247"/>
    </row>
    <row r="57" spans="1:22" s="248" customFormat="1">
      <c r="A57" s="241"/>
      <c r="B57" s="242"/>
      <c r="C57" s="243"/>
      <c r="D57" s="244"/>
      <c r="E57" s="245"/>
      <c r="F57" s="246"/>
      <c r="G57" s="247"/>
      <c r="H57" s="246"/>
      <c r="I57" s="247"/>
    </row>
    <row r="58" spans="1:22" s="248" customFormat="1">
      <c r="A58" s="241"/>
      <c r="B58" s="242"/>
      <c r="C58" s="243"/>
      <c r="D58" s="244"/>
      <c r="E58" s="245"/>
      <c r="F58" s="246"/>
      <c r="G58" s="247"/>
      <c r="H58" s="246"/>
      <c r="I58" s="247"/>
    </row>
    <row r="59" spans="1:22" s="248" customFormat="1">
      <c r="A59" s="241"/>
      <c r="B59" s="242"/>
      <c r="C59" s="243"/>
      <c r="D59" s="244"/>
      <c r="E59" s="245"/>
      <c r="F59" s="246"/>
      <c r="G59" s="247"/>
      <c r="H59" s="246"/>
      <c r="I59" s="247"/>
    </row>
    <row r="60" spans="1:22" s="248" customFormat="1">
      <c r="A60" s="241"/>
      <c r="B60" s="242"/>
      <c r="C60" s="243"/>
      <c r="D60" s="244"/>
      <c r="E60" s="245"/>
      <c r="F60" s="246"/>
      <c r="G60" s="247"/>
      <c r="H60" s="246"/>
      <c r="I60" s="247"/>
    </row>
    <row r="61" spans="1:22" ht="18.75">
      <c r="A61" s="316" t="s">
        <v>295</v>
      </c>
      <c r="B61" s="316"/>
      <c r="C61" s="316"/>
      <c r="D61" s="316"/>
      <c r="E61" s="316"/>
      <c r="F61" s="316"/>
      <c r="G61" s="316"/>
      <c r="H61" s="316"/>
      <c r="I61" s="316"/>
      <c r="J61" s="316"/>
      <c r="K61" s="316"/>
      <c r="L61" s="316"/>
      <c r="M61" s="316"/>
      <c r="N61" s="316"/>
      <c r="O61" s="316"/>
      <c r="P61" s="316"/>
      <c r="Q61" s="316"/>
      <c r="R61" s="316"/>
      <c r="S61" s="316"/>
      <c r="T61" s="316"/>
      <c r="U61" s="316"/>
      <c r="V61" s="316"/>
    </row>
    <row r="62" spans="1:22" ht="73.5" customHeight="1">
      <c r="A62" s="363" t="s">
        <v>478</v>
      </c>
      <c r="B62" s="363"/>
      <c r="C62" s="363"/>
      <c r="D62" s="363"/>
      <c r="E62" s="363"/>
      <c r="F62" s="363"/>
      <c r="G62" s="363"/>
      <c r="H62" s="363"/>
      <c r="I62" s="363"/>
      <c r="J62" s="363"/>
      <c r="K62" s="363"/>
      <c r="L62" s="363"/>
      <c r="M62" s="363"/>
      <c r="N62" s="363"/>
      <c r="O62" s="363"/>
      <c r="P62" s="363"/>
      <c r="Q62" s="363"/>
      <c r="R62" s="363"/>
      <c r="S62" s="363"/>
      <c r="T62" s="363"/>
      <c r="U62" s="363"/>
      <c r="V62" s="363"/>
    </row>
    <row r="63" spans="1:22" ht="57.75" customHeight="1">
      <c r="A63" s="240"/>
      <c r="B63" s="362" t="s">
        <v>340</v>
      </c>
      <c r="C63" s="362"/>
      <c r="D63" s="362"/>
      <c r="E63" s="362"/>
      <c r="F63" s="362"/>
      <c r="G63" s="362"/>
      <c r="H63" s="362"/>
      <c r="I63" s="362" t="s">
        <v>341</v>
      </c>
      <c r="J63" s="362"/>
      <c r="K63" s="362"/>
      <c r="L63" s="362"/>
      <c r="M63" s="362"/>
      <c r="N63" s="362"/>
      <c r="O63" s="362"/>
      <c r="P63" s="362" t="s">
        <v>342</v>
      </c>
      <c r="Q63" s="362"/>
      <c r="R63" s="362"/>
      <c r="S63" s="362"/>
      <c r="T63" s="362"/>
      <c r="U63" s="362"/>
      <c r="V63" s="362"/>
    </row>
    <row r="64" spans="1:22" ht="44.25" customHeight="1">
      <c r="A64" s="37" t="s">
        <v>85</v>
      </c>
      <c r="B64" s="38" t="s">
        <v>86</v>
      </c>
      <c r="C64" s="38" t="s">
        <v>296</v>
      </c>
      <c r="D64" s="89" t="s">
        <v>299</v>
      </c>
      <c r="E64" s="38" t="s">
        <v>298</v>
      </c>
      <c r="F64" s="89" t="s">
        <v>300</v>
      </c>
      <c r="G64" s="38" t="s">
        <v>297</v>
      </c>
      <c r="H64" s="89" t="s">
        <v>301</v>
      </c>
      <c r="I64" s="65" t="s">
        <v>86</v>
      </c>
      <c r="J64" s="65" t="s">
        <v>302</v>
      </c>
      <c r="K64" s="88" t="s">
        <v>303</v>
      </c>
      <c r="L64" s="65" t="s">
        <v>304</v>
      </c>
      <c r="M64" s="88" t="s">
        <v>305</v>
      </c>
      <c r="N64" s="65" t="s">
        <v>306</v>
      </c>
      <c r="O64" s="88" t="s">
        <v>307</v>
      </c>
      <c r="P64" s="38" t="s">
        <v>86</v>
      </c>
      <c r="Q64" s="38" t="s">
        <v>308</v>
      </c>
      <c r="R64" s="89" t="s">
        <v>309</v>
      </c>
      <c r="S64" s="38" t="s">
        <v>310</v>
      </c>
      <c r="T64" s="89" t="s">
        <v>311</v>
      </c>
      <c r="U64" s="38" t="s">
        <v>312</v>
      </c>
      <c r="V64" s="89" t="s">
        <v>313</v>
      </c>
    </row>
    <row r="65" spans="1:22" ht="72">
      <c r="A65" s="41"/>
      <c r="B65" s="42" t="s">
        <v>89</v>
      </c>
      <c r="C65" s="42" t="s">
        <v>400</v>
      </c>
      <c r="D65" s="91" t="s">
        <v>104</v>
      </c>
      <c r="E65" s="42" t="s">
        <v>401</v>
      </c>
      <c r="F65" s="91" t="s">
        <v>104</v>
      </c>
      <c r="G65" s="42" t="s">
        <v>402</v>
      </c>
      <c r="H65" s="91" t="s">
        <v>104</v>
      </c>
      <c r="I65" s="68" t="s">
        <v>89</v>
      </c>
      <c r="J65" s="68" t="s">
        <v>400</v>
      </c>
      <c r="K65" s="90" t="s">
        <v>104</v>
      </c>
      <c r="L65" s="68" t="s">
        <v>401</v>
      </c>
      <c r="M65" s="90" t="s">
        <v>104</v>
      </c>
      <c r="N65" s="68" t="s">
        <v>402</v>
      </c>
      <c r="O65" s="90" t="s">
        <v>104</v>
      </c>
      <c r="P65" s="42" t="s">
        <v>89</v>
      </c>
      <c r="Q65" s="42" t="s">
        <v>400</v>
      </c>
      <c r="R65" s="91" t="s">
        <v>104</v>
      </c>
      <c r="S65" s="42" t="s">
        <v>401</v>
      </c>
      <c r="T65" s="91" t="s">
        <v>104</v>
      </c>
      <c r="U65" s="42" t="s">
        <v>402</v>
      </c>
      <c r="V65" s="91" t="s">
        <v>104</v>
      </c>
    </row>
    <row r="66" spans="1:22">
      <c r="A66" s="45" t="s">
        <v>435</v>
      </c>
      <c r="B66" s="83">
        <v>8484</v>
      </c>
      <c r="C66" s="98">
        <v>0.32</v>
      </c>
      <c r="D66" s="94">
        <v>1.0127149474162347E-2</v>
      </c>
      <c r="E66" s="98">
        <v>0.39400000000000002</v>
      </c>
      <c r="F66" s="94">
        <v>1.0607703252415128E-2</v>
      </c>
      <c r="G66" s="98">
        <v>0.28699999999999998</v>
      </c>
      <c r="H66" s="94">
        <v>9.8210604486161854E-3</v>
      </c>
      <c r="I66" s="83">
        <v>8425</v>
      </c>
      <c r="J66" s="98">
        <v>0.78900000000000003</v>
      </c>
      <c r="K66" s="94">
        <v>8.8904766373461511E-3</v>
      </c>
      <c r="L66" s="98">
        <v>0.155</v>
      </c>
      <c r="M66" s="94">
        <v>7.8872088091317093E-3</v>
      </c>
      <c r="N66" s="98">
        <v>5.6000000000000001E-2</v>
      </c>
      <c r="O66" s="94">
        <v>5.0175186383312033E-3</v>
      </c>
      <c r="P66" s="83">
        <v>8428</v>
      </c>
      <c r="Q66" s="98">
        <v>0.875</v>
      </c>
      <c r="R66" s="94">
        <v>7.2075620688279345E-3</v>
      </c>
      <c r="S66" s="98">
        <v>8.8999999999999996E-2</v>
      </c>
      <c r="T66" s="94">
        <v>6.2079411632591482E-3</v>
      </c>
      <c r="U66" s="98">
        <v>3.6999999999999998E-2</v>
      </c>
      <c r="V66" s="94">
        <v>4.1230100085499575E-3</v>
      </c>
    </row>
    <row r="67" spans="1:22">
      <c r="A67" s="49" t="s">
        <v>436</v>
      </c>
      <c r="B67" s="149">
        <v>7888</v>
      </c>
      <c r="C67" s="151">
        <v>0.316</v>
      </c>
      <c r="D67" s="97">
        <v>1.0467489084355273E-2</v>
      </c>
      <c r="E67" s="151">
        <v>0.40400000000000003</v>
      </c>
      <c r="F67" s="97">
        <v>1.1047364730406279E-2</v>
      </c>
      <c r="G67" s="151">
        <v>0.28100000000000003</v>
      </c>
      <c r="H67" s="97">
        <v>1.0120600826100718E-2</v>
      </c>
      <c r="I67" s="149">
        <v>7833</v>
      </c>
      <c r="J67" s="151">
        <v>0.79200000000000004</v>
      </c>
      <c r="K67" s="97">
        <v>9.1719990184560909E-3</v>
      </c>
      <c r="L67" s="151">
        <v>0.153</v>
      </c>
      <c r="M67" s="97">
        <v>8.1366999405030546E-3</v>
      </c>
      <c r="N67" s="151">
        <v>5.5E-2</v>
      </c>
      <c r="O67" s="97">
        <v>5.1605383290471638E-3</v>
      </c>
      <c r="P67" s="149">
        <v>7837</v>
      </c>
      <c r="Q67" s="151">
        <v>0.88200000000000001</v>
      </c>
      <c r="R67" s="97">
        <v>7.2917185617857117E-3</v>
      </c>
      <c r="S67" s="151">
        <v>0.08</v>
      </c>
      <c r="T67" s="97">
        <v>6.1349833936778777E-3</v>
      </c>
      <c r="U67" s="151">
        <v>3.7999999999999999E-2</v>
      </c>
      <c r="V67" s="97">
        <v>4.3312478023080133E-3</v>
      </c>
    </row>
    <row r="68" spans="1:22">
      <c r="A68" s="45" t="s">
        <v>437</v>
      </c>
      <c r="B68" s="83">
        <v>761</v>
      </c>
      <c r="C68" s="98">
        <v>0.3674</v>
      </c>
      <c r="D68" s="94">
        <v>3.4874237643047236E-2</v>
      </c>
      <c r="E68" s="98">
        <v>0.40589999999999998</v>
      </c>
      <c r="F68" s="94">
        <v>3.5515810507105915E-2</v>
      </c>
      <c r="G68" s="98">
        <v>0.22670000000000001</v>
      </c>
      <c r="H68" s="94">
        <v>3.034323648043747E-2</v>
      </c>
      <c r="I68" s="83">
        <v>756</v>
      </c>
      <c r="J68" s="98">
        <v>0.76900000000000002</v>
      </c>
      <c r="K68" s="94">
        <v>3.0642135616535424E-2</v>
      </c>
      <c r="L68" s="98">
        <v>0.15640000000000001</v>
      </c>
      <c r="M68" s="94">
        <v>2.6475263187466229E-2</v>
      </c>
      <c r="N68" s="98">
        <v>7.4700000000000003E-2</v>
      </c>
      <c r="O68" s="94">
        <v>1.9333486142273235E-2</v>
      </c>
      <c r="P68" s="83">
        <v>757</v>
      </c>
      <c r="Q68" s="98">
        <v>0.86240000000000006</v>
      </c>
      <c r="R68" s="94">
        <v>2.5119243137427246E-2</v>
      </c>
      <c r="S68" s="98">
        <v>9.6299999999999997E-2</v>
      </c>
      <c r="T68" s="94">
        <v>2.1596596021918667E-2</v>
      </c>
      <c r="U68" s="98">
        <v>4.1300000000000003E-2</v>
      </c>
      <c r="V68" s="94">
        <v>1.4822716390196762E-2</v>
      </c>
    </row>
    <row r="69" spans="1:22">
      <c r="A69" s="49" t="s">
        <v>438</v>
      </c>
      <c r="B69" s="149">
        <v>886</v>
      </c>
      <c r="C69" s="151">
        <v>0.33500000000000002</v>
      </c>
      <c r="D69" s="97">
        <v>3.1659648522792912E-2</v>
      </c>
      <c r="E69" s="151">
        <v>0.39600000000000002</v>
      </c>
      <c r="F69" s="97">
        <v>3.2793600635972614E-2</v>
      </c>
      <c r="G69" s="151">
        <v>0.26900000000000002</v>
      </c>
      <c r="H69" s="97">
        <v>2.9764436329230842E-2</v>
      </c>
      <c r="I69" s="149">
        <v>877</v>
      </c>
      <c r="J69" s="151">
        <v>0.75800000000000001</v>
      </c>
      <c r="K69" s="97">
        <v>2.8906602762477761E-2</v>
      </c>
      <c r="L69" s="151">
        <v>0.192</v>
      </c>
      <c r="M69" s="97">
        <v>2.6613257051584176E-2</v>
      </c>
      <c r="N69" s="151">
        <v>0.05</v>
      </c>
      <c r="O69" s="97">
        <v>1.4966424038416384E-2</v>
      </c>
      <c r="P69" s="149">
        <v>878</v>
      </c>
      <c r="Q69" s="151">
        <v>0.88</v>
      </c>
      <c r="R69" s="97">
        <v>2.2019037383726351E-2</v>
      </c>
      <c r="S69" s="151">
        <v>8.7999999999999995E-2</v>
      </c>
      <c r="T69" s="97">
        <v>1.9259787027935019E-2</v>
      </c>
      <c r="U69" s="151">
        <v>3.2000000000000001E-2</v>
      </c>
      <c r="V69" s="97">
        <v>1.2225787299000196E-2</v>
      </c>
    </row>
    <row r="70" spans="1:22">
      <c r="A70" s="45" t="s">
        <v>439</v>
      </c>
      <c r="B70" s="83">
        <v>828</v>
      </c>
      <c r="C70" s="98">
        <v>0.34799999999999998</v>
      </c>
      <c r="D70" s="94">
        <v>3.3044086214660984E-2</v>
      </c>
      <c r="E70" s="98">
        <v>0.40300000000000002</v>
      </c>
      <c r="F70" s="94">
        <v>3.4016487353922542E-2</v>
      </c>
      <c r="G70" s="98">
        <v>0.249</v>
      </c>
      <c r="H70" s="94">
        <v>3.003230013148379E-2</v>
      </c>
      <c r="I70" s="83">
        <v>819</v>
      </c>
      <c r="J70" s="98">
        <v>0.76500000000000001</v>
      </c>
      <c r="K70" s="94">
        <v>2.9615270245525797E-2</v>
      </c>
      <c r="L70" s="98">
        <v>0.186</v>
      </c>
      <c r="M70" s="94">
        <v>2.7212326273765935E-2</v>
      </c>
      <c r="N70" s="98">
        <v>0.05</v>
      </c>
      <c r="O70" s="94">
        <v>1.5505045589198768E-2</v>
      </c>
      <c r="P70" s="83">
        <v>821</v>
      </c>
      <c r="Q70" s="98">
        <v>0.88900000000000001</v>
      </c>
      <c r="R70" s="94">
        <v>2.2034991228350436E-2</v>
      </c>
      <c r="S70" s="98">
        <v>8.2000000000000003E-2</v>
      </c>
      <c r="T70" s="94">
        <v>1.9317592667078849E-2</v>
      </c>
      <c r="U70" s="98">
        <v>2.9000000000000001E-2</v>
      </c>
      <c r="V70" s="94">
        <v>1.2121600146296145E-2</v>
      </c>
    </row>
    <row r="71" spans="1:22">
      <c r="A71" s="49" t="s">
        <v>444</v>
      </c>
      <c r="B71" s="149">
        <v>17</v>
      </c>
      <c r="C71" s="151">
        <v>0.20200000000000001</v>
      </c>
      <c r="D71" s="97">
        <v>0.19113903262180434</v>
      </c>
      <c r="E71" s="151">
        <v>0.26200000000000001</v>
      </c>
      <c r="F71" s="97">
        <v>0.20136654829560638</v>
      </c>
      <c r="G71" s="151">
        <v>0.53600000000000003</v>
      </c>
      <c r="H71" s="97">
        <v>0.21784690730945766</v>
      </c>
      <c r="I71" s="149">
        <v>17</v>
      </c>
      <c r="J71" s="151">
        <v>0.73499999999999999</v>
      </c>
      <c r="K71" s="97">
        <v>0.20180587896490146</v>
      </c>
      <c r="L71" s="151">
        <v>0.19900000000000001</v>
      </c>
      <c r="M71" s="97">
        <v>0.19055135818413918</v>
      </c>
      <c r="N71" s="151">
        <v>6.6000000000000003E-2</v>
      </c>
      <c r="O71" s="97">
        <v>0.15526621616951281</v>
      </c>
      <c r="P71" s="149">
        <v>16</v>
      </c>
      <c r="Q71" s="151">
        <v>0.92900000000000005</v>
      </c>
      <c r="R71" s="97">
        <v>0.16261227505941855</v>
      </c>
      <c r="S71" s="151">
        <v>1E-3</v>
      </c>
      <c r="T71" s="97">
        <v>0.13463978609608676</v>
      </c>
      <c r="U71" s="151">
        <v>7.0000000000000007E-2</v>
      </c>
      <c r="V71" s="97">
        <v>0.1622738426241272</v>
      </c>
    </row>
    <row r="72" spans="1:22">
      <c r="A72" s="45" t="s">
        <v>445</v>
      </c>
      <c r="B72" s="83">
        <v>262</v>
      </c>
      <c r="C72" s="98">
        <v>0.32</v>
      </c>
      <c r="D72" s="94">
        <v>5.732995247838734E-2</v>
      </c>
      <c r="E72" s="98">
        <v>0.441</v>
      </c>
      <c r="F72" s="94">
        <v>6.0898399867056238E-2</v>
      </c>
      <c r="G72" s="98">
        <v>0.23899999999999999</v>
      </c>
      <c r="H72" s="94">
        <v>5.2588964754864576E-2</v>
      </c>
      <c r="I72" s="83">
        <v>262</v>
      </c>
      <c r="J72" s="98">
        <v>0.751</v>
      </c>
      <c r="K72" s="94">
        <v>5.3294404416389295E-2</v>
      </c>
      <c r="L72" s="98">
        <v>0.20699999999999999</v>
      </c>
      <c r="M72" s="94">
        <v>5.0069652514372953E-2</v>
      </c>
      <c r="N72" s="98">
        <v>4.1000000000000002E-2</v>
      </c>
      <c r="O72" s="94">
        <v>2.6188337398468122E-2</v>
      </c>
      <c r="P72" s="83">
        <v>260</v>
      </c>
      <c r="Q72" s="98">
        <v>0.85299999999999998</v>
      </c>
      <c r="R72" s="94">
        <v>4.4233955148432896E-2</v>
      </c>
      <c r="S72" s="98">
        <v>0.106</v>
      </c>
      <c r="T72" s="94">
        <v>3.8814337387380222E-2</v>
      </c>
      <c r="U72" s="98">
        <v>4.1000000000000002E-2</v>
      </c>
      <c r="V72" s="94">
        <v>2.630096985905981E-2</v>
      </c>
    </row>
    <row r="73" spans="1:22">
      <c r="A73" s="49" t="s">
        <v>440</v>
      </c>
      <c r="B73" s="149">
        <v>92</v>
      </c>
      <c r="C73" s="151">
        <v>0.28399999999999997</v>
      </c>
      <c r="D73" s="97">
        <v>9.2904745124598814E-2</v>
      </c>
      <c r="E73" s="151">
        <v>0.52600000000000002</v>
      </c>
      <c r="F73" s="97">
        <v>0.10193526534894222</v>
      </c>
      <c r="G73" s="151">
        <v>0.19</v>
      </c>
      <c r="H73" s="97">
        <v>8.2092806489453232E-2</v>
      </c>
      <c r="I73" s="149">
        <v>92</v>
      </c>
      <c r="J73" s="151">
        <v>0.72599999999999998</v>
      </c>
      <c r="K73" s="97">
        <v>9.1989958628243357E-2</v>
      </c>
      <c r="L73" s="151">
        <v>0.22900000000000001</v>
      </c>
      <c r="M73" s="97">
        <v>8.7214195518185336E-2</v>
      </c>
      <c r="N73" s="151">
        <v>4.4999999999999998E-2</v>
      </c>
      <c r="O73" s="97">
        <v>4.9944829950387737E-2</v>
      </c>
      <c r="P73" s="149">
        <v>90</v>
      </c>
      <c r="Q73" s="151">
        <v>0.89600000000000002</v>
      </c>
      <c r="R73" s="97">
        <v>6.7239199623432666E-2</v>
      </c>
      <c r="S73" s="151">
        <v>0.09</v>
      </c>
      <c r="T73" s="97">
        <v>6.3882202713031022E-2</v>
      </c>
      <c r="U73" s="151">
        <v>1.4E-2</v>
      </c>
      <c r="V73" s="97">
        <v>3.7743867831273016E-2</v>
      </c>
    </row>
    <row r="74" spans="1:22">
      <c r="A74" s="45" t="s">
        <v>441</v>
      </c>
      <c r="B74" s="83">
        <v>81</v>
      </c>
      <c r="C74" s="98">
        <v>0.26700000000000002</v>
      </c>
      <c r="D74" s="94">
        <v>9.7183956111402764E-2</v>
      </c>
      <c r="E74" s="98">
        <v>0.36299999999999999</v>
      </c>
      <c r="F74" s="94">
        <v>0.10470258821457887</v>
      </c>
      <c r="G74" s="98">
        <v>0.36899999999999999</v>
      </c>
      <c r="H74" s="94">
        <v>0.1050302251942544</v>
      </c>
      <c r="I74" s="83">
        <v>81</v>
      </c>
      <c r="J74" s="98">
        <v>0.749</v>
      </c>
      <c r="K74" s="94">
        <v>9.5473331042560297E-2</v>
      </c>
      <c r="L74" s="98">
        <v>0.25</v>
      </c>
      <c r="M74" s="94">
        <v>9.5361589168725877E-2</v>
      </c>
      <c r="N74" s="98">
        <v>1E-3</v>
      </c>
      <c r="O74" s="94">
        <v>3.3524682626485738E-2</v>
      </c>
      <c r="P74" s="83">
        <v>81</v>
      </c>
      <c r="Q74" s="98">
        <v>0.84699999999999998</v>
      </c>
      <c r="R74" s="94">
        <v>8.1358165887165296E-2</v>
      </c>
      <c r="S74" s="98">
        <v>0.113</v>
      </c>
      <c r="T74" s="94">
        <v>7.3242622598545484E-2</v>
      </c>
      <c r="U74" s="98">
        <v>0.04</v>
      </c>
      <c r="V74" s="94">
        <v>5.2174683498885106E-2</v>
      </c>
    </row>
    <row r="75" spans="1:22">
      <c r="A75" s="49" t="s">
        <v>442</v>
      </c>
      <c r="B75" s="149">
        <v>65</v>
      </c>
      <c r="C75" s="151">
        <v>0.36199999999999999</v>
      </c>
      <c r="D75" s="97">
        <v>0.11624561702817388</v>
      </c>
      <c r="E75" s="151">
        <v>0.41</v>
      </c>
      <c r="F75" s="97">
        <v>0.11864254174150449</v>
      </c>
      <c r="G75" s="151">
        <v>0.22800000000000001</v>
      </c>
      <c r="H75" s="97">
        <v>0.10337639727029402</v>
      </c>
      <c r="I75" s="149">
        <v>65</v>
      </c>
      <c r="J75" s="151">
        <v>0.72899999999999998</v>
      </c>
      <c r="K75" s="97">
        <v>0.10860455609983619</v>
      </c>
      <c r="L75" s="151">
        <v>0.191</v>
      </c>
      <c r="M75" s="97">
        <v>9.7881437817158523E-2</v>
      </c>
      <c r="N75" s="151">
        <v>0.08</v>
      </c>
      <c r="O75" s="97">
        <v>7.360661488779105E-2</v>
      </c>
      <c r="P75" s="149">
        <v>65</v>
      </c>
      <c r="Q75" s="151">
        <v>0.79800000000000004</v>
      </c>
      <c r="R75" s="97">
        <v>9.9620636299619009E-2</v>
      </c>
      <c r="S75" s="151">
        <v>0.122</v>
      </c>
      <c r="T75" s="97">
        <v>8.4511239075935093E-2</v>
      </c>
      <c r="U75" s="151">
        <v>7.9000000000000001E-2</v>
      </c>
      <c r="V75" s="97">
        <v>7.3312133257325787E-2</v>
      </c>
    </row>
    <row r="76" spans="1:22">
      <c r="A76" s="45" t="s">
        <v>446</v>
      </c>
      <c r="B76" s="83">
        <v>91</v>
      </c>
      <c r="C76" s="98">
        <v>0.29899999999999999</v>
      </c>
      <c r="D76" s="94">
        <v>9.4686088442341193E-2</v>
      </c>
      <c r="E76" s="98">
        <v>0.36</v>
      </c>
      <c r="F76" s="94">
        <v>9.8838683753052201E-2</v>
      </c>
      <c r="G76" s="98">
        <v>0.34100000000000003</v>
      </c>
      <c r="H76" s="94">
        <v>9.7722077840417462E-2</v>
      </c>
      <c r="I76" s="83">
        <v>90</v>
      </c>
      <c r="J76" s="98">
        <v>0.72699999999999998</v>
      </c>
      <c r="K76" s="94">
        <v>9.2888205382234509E-2</v>
      </c>
      <c r="L76" s="98">
        <v>0.20899999999999999</v>
      </c>
      <c r="M76" s="94">
        <v>8.5644628318332972E-2</v>
      </c>
      <c r="N76" s="98">
        <v>6.5000000000000002E-2</v>
      </c>
      <c r="O76" s="94">
        <v>5.7069055440682318E-2</v>
      </c>
      <c r="P76" s="83">
        <v>90</v>
      </c>
      <c r="Q76" s="98">
        <v>0.94099999999999995</v>
      </c>
      <c r="R76" s="94">
        <v>5.5243527900190603E-2</v>
      </c>
      <c r="S76" s="98">
        <v>5.8999999999999997E-2</v>
      </c>
      <c r="T76" s="94">
        <v>5.5243527900190582E-2</v>
      </c>
      <c r="U76" s="98">
        <v>0</v>
      </c>
      <c r="V76" s="94">
        <v>2.976782656907849E-2</v>
      </c>
    </row>
    <row r="77" spans="1:22">
      <c r="A77" s="49" t="s">
        <v>447</v>
      </c>
      <c r="B77" s="149">
        <v>96</v>
      </c>
      <c r="C77" s="151">
        <v>0.38500000000000001</v>
      </c>
      <c r="D77" s="97">
        <v>9.7531910675429725E-2</v>
      </c>
      <c r="E77" s="151">
        <v>0.314</v>
      </c>
      <c r="F77" s="97">
        <v>9.340585129423104E-2</v>
      </c>
      <c r="G77" s="151">
        <v>0.30099999999999999</v>
      </c>
      <c r="H77" s="97">
        <v>9.2412925156603501E-2</v>
      </c>
      <c r="I77" s="149">
        <v>96</v>
      </c>
      <c r="J77" s="151">
        <v>0.69699999999999995</v>
      </c>
      <c r="K77" s="97">
        <v>9.2570756851178437E-2</v>
      </c>
      <c r="L77" s="151">
        <v>0.26900000000000002</v>
      </c>
      <c r="M77" s="97">
        <v>8.9626447525270131E-2</v>
      </c>
      <c r="N77" s="151">
        <v>3.3000000000000002E-2</v>
      </c>
      <c r="O77" s="97">
        <v>4.4276033065305212E-2</v>
      </c>
      <c r="P77" s="149">
        <v>96</v>
      </c>
      <c r="Q77" s="151">
        <v>0.86799999999999999</v>
      </c>
      <c r="R77" s="97">
        <v>7.076531398927019E-2</v>
      </c>
      <c r="S77" s="151">
        <v>0.115</v>
      </c>
      <c r="T77" s="97">
        <v>6.734859760974983E-2</v>
      </c>
      <c r="U77" s="151">
        <v>1.7000000000000001E-2</v>
      </c>
      <c r="V77" s="97">
        <v>3.7417032271413506E-2</v>
      </c>
    </row>
    <row r="78" spans="1:22" ht="25.5">
      <c r="A78" s="45" t="s">
        <v>448</v>
      </c>
      <c r="B78" s="83">
        <v>127</v>
      </c>
      <c r="C78" s="98">
        <v>0.34599999999999997</v>
      </c>
      <c r="D78" s="94">
        <v>8.3384549031259664E-2</v>
      </c>
      <c r="E78" s="98">
        <v>0.42899999999999999</v>
      </c>
      <c r="F78" s="94">
        <v>8.6538549388998867E-2</v>
      </c>
      <c r="G78" s="98">
        <v>0.22500000000000001</v>
      </c>
      <c r="H78" s="94">
        <v>7.3914085033800717E-2</v>
      </c>
      <c r="I78" s="83">
        <v>123</v>
      </c>
      <c r="J78" s="98">
        <v>0.81899999999999995</v>
      </c>
      <c r="K78" s="94">
        <v>6.9768615243676252E-2</v>
      </c>
      <c r="L78" s="98">
        <v>0.153</v>
      </c>
      <c r="M78" s="94">
        <v>6.5701873301292416E-2</v>
      </c>
      <c r="N78" s="98">
        <v>2.8000000000000001E-2</v>
      </c>
      <c r="O78" s="94">
        <v>3.5947746690641512E-2</v>
      </c>
      <c r="P78" s="83">
        <v>126</v>
      </c>
      <c r="Q78" s="98">
        <v>0.878</v>
      </c>
      <c r="R78" s="94">
        <v>5.9684706647145029E-2</v>
      </c>
      <c r="S78" s="98">
        <v>8.5000000000000006E-2</v>
      </c>
      <c r="T78" s="94">
        <v>5.2097662219519884E-2</v>
      </c>
      <c r="U78" s="98">
        <v>3.6999999999999998E-2</v>
      </c>
      <c r="V78" s="94">
        <v>3.8678153468823348E-2</v>
      </c>
    </row>
    <row r="79" spans="1:22">
      <c r="A79" s="49" t="s">
        <v>449</v>
      </c>
      <c r="B79" s="149">
        <v>76</v>
      </c>
      <c r="C79" s="151">
        <v>0.38700000000000001</v>
      </c>
      <c r="D79" s="97">
        <v>0.10919614862713795</v>
      </c>
      <c r="E79" s="151">
        <v>0.372</v>
      </c>
      <c r="F79" s="97">
        <v>0.10844663203622323</v>
      </c>
      <c r="G79" s="151">
        <v>0.24099999999999999</v>
      </c>
      <c r="H79" s="97">
        <v>9.7329183059347624E-2</v>
      </c>
      <c r="I79" s="149">
        <v>75</v>
      </c>
      <c r="J79" s="151">
        <v>0.76700000000000002</v>
      </c>
      <c r="K79" s="97">
        <v>9.6979020626154322E-2</v>
      </c>
      <c r="L79" s="151">
        <v>0.18099999999999999</v>
      </c>
      <c r="M79" s="97">
        <v>8.9522793239214721E-2</v>
      </c>
      <c r="N79" s="151">
        <v>5.1999999999999998E-2</v>
      </c>
      <c r="O79" s="97">
        <v>5.9152629231621491E-2</v>
      </c>
      <c r="P79" s="149">
        <v>75</v>
      </c>
      <c r="Q79" s="151">
        <v>0.87</v>
      </c>
      <c r="R79" s="97">
        <v>8.0067162232813738E-2</v>
      </c>
      <c r="S79" s="151">
        <v>6.2E-2</v>
      </c>
      <c r="T79" s="97">
        <v>6.2476896644411806E-2</v>
      </c>
      <c r="U79" s="151">
        <v>6.9000000000000006E-2</v>
      </c>
      <c r="V79" s="97">
        <v>6.4660361566784827E-2</v>
      </c>
    </row>
    <row r="80" spans="1:22">
      <c r="A80" s="57" t="s">
        <v>450</v>
      </c>
      <c r="B80" s="83">
        <v>97</v>
      </c>
      <c r="C80" s="98">
        <v>0.27600000000000002</v>
      </c>
      <c r="D80" s="94">
        <v>8.9822627614747255E-2</v>
      </c>
      <c r="E80" s="98">
        <v>0.45300000000000001</v>
      </c>
      <c r="F80" s="94">
        <v>9.909741292817055E-2</v>
      </c>
      <c r="G80" s="98">
        <v>0.27100000000000002</v>
      </c>
      <c r="H80" s="94">
        <v>8.9360874829753009E-2</v>
      </c>
      <c r="I80" s="83">
        <v>96</v>
      </c>
      <c r="J80" s="98">
        <v>0.83299999999999996</v>
      </c>
      <c r="K80" s="94">
        <v>7.6890753046123847E-2</v>
      </c>
      <c r="L80" s="98">
        <v>6.9000000000000006E-2</v>
      </c>
      <c r="M80" s="94">
        <v>5.6143623823191185E-2</v>
      </c>
      <c r="N80" s="98">
        <v>9.8000000000000004E-2</v>
      </c>
      <c r="O80" s="94">
        <v>6.3581680883726246E-2</v>
      </c>
      <c r="P80" s="83">
        <v>96</v>
      </c>
      <c r="Q80" s="98">
        <v>0.95599999999999996</v>
      </c>
      <c r="R80" s="94">
        <v>4.8318188045496931E-2</v>
      </c>
      <c r="S80" s="98">
        <v>3.5999999999999997E-2</v>
      </c>
      <c r="T80" s="94">
        <v>4.5423873194609901E-2</v>
      </c>
      <c r="U80" s="98">
        <v>8.0000000000000002E-3</v>
      </c>
      <c r="V80" s="94">
        <v>3.2810862591525991E-2</v>
      </c>
    </row>
    <row r="81" spans="1:22">
      <c r="A81" s="49" t="s">
        <v>443</v>
      </c>
      <c r="B81" s="149">
        <v>62</v>
      </c>
      <c r="C81" s="151">
        <v>0.313</v>
      </c>
      <c r="D81" s="97">
        <v>0.1152444627532542</v>
      </c>
      <c r="E81" s="151">
        <v>0.45800000000000002</v>
      </c>
      <c r="F81" s="97">
        <v>0.12270766908017365</v>
      </c>
      <c r="G81" s="151">
        <v>0.22900000000000001</v>
      </c>
      <c r="H81" s="97">
        <v>0.10594200347495139</v>
      </c>
      <c r="I81" s="149">
        <v>61</v>
      </c>
      <c r="J81" s="151">
        <v>0.83199999999999996</v>
      </c>
      <c r="K81" s="97">
        <v>9.7008997025373453E-2</v>
      </c>
      <c r="L81" s="151">
        <v>5.2999999999999999E-2</v>
      </c>
      <c r="M81" s="97">
        <v>6.7494138223874858E-2</v>
      </c>
      <c r="N81" s="151">
        <v>0.11600000000000001</v>
      </c>
      <c r="O81" s="97">
        <v>8.5981757462236991E-2</v>
      </c>
      <c r="P81" s="149">
        <v>61</v>
      </c>
      <c r="Q81" s="151">
        <v>0.94399999999999995</v>
      </c>
      <c r="R81" s="97">
        <v>6.8558943432819097E-2</v>
      </c>
      <c r="S81" s="151">
        <v>4.2000000000000003E-2</v>
      </c>
      <c r="T81" s="97">
        <v>6.3371303939160642E-2</v>
      </c>
      <c r="U81" s="151">
        <v>1.4E-2</v>
      </c>
      <c r="V81" s="97">
        <v>5.082688983290716E-2</v>
      </c>
    </row>
    <row r="82" spans="1:22">
      <c r="A82" s="57" t="s">
        <v>451</v>
      </c>
      <c r="B82" s="83">
        <v>122</v>
      </c>
      <c r="C82" s="98">
        <v>0.39700000000000002</v>
      </c>
      <c r="D82" s="94">
        <v>8.7296956335177853E-2</v>
      </c>
      <c r="E82" s="98">
        <v>0.32600000000000001</v>
      </c>
      <c r="F82" s="94">
        <v>8.3877418729845971E-2</v>
      </c>
      <c r="G82" s="98">
        <v>0.27800000000000002</v>
      </c>
      <c r="H82" s="94">
        <v>8.0434430344561075E-2</v>
      </c>
      <c r="I82" s="83">
        <v>120</v>
      </c>
      <c r="J82" s="98">
        <v>0.65600000000000003</v>
      </c>
      <c r="K82" s="94">
        <v>8.5611414089571999E-2</v>
      </c>
      <c r="L82" s="98">
        <v>0.312</v>
      </c>
      <c r="M82" s="94">
        <v>8.3646622226818138E-2</v>
      </c>
      <c r="N82" s="98">
        <v>3.2000000000000001E-2</v>
      </c>
      <c r="O82" s="94">
        <v>3.8048639522162017E-2</v>
      </c>
      <c r="P82" s="83">
        <v>121</v>
      </c>
      <c r="Q82" s="98">
        <v>0.81399999999999995</v>
      </c>
      <c r="R82" s="94">
        <v>7.1018461080707737E-2</v>
      </c>
      <c r="S82" s="98">
        <v>0.14399999999999999</v>
      </c>
      <c r="T82" s="94">
        <v>6.4806253114587639E-2</v>
      </c>
      <c r="U82" s="98">
        <v>4.2000000000000003E-2</v>
      </c>
      <c r="V82" s="94">
        <v>4.1355472736362232E-2</v>
      </c>
    </row>
    <row r="83" spans="1:22" s="248" customFormat="1">
      <c r="A83" s="241"/>
      <c r="B83" s="249"/>
      <c r="C83" s="250"/>
      <c r="D83" s="247"/>
      <c r="E83" s="251"/>
      <c r="F83" s="247"/>
      <c r="G83" s="251"/>
      <c r="H83" s="247"/>
      <c r="I83" s="249"/>
      <c r="J83" s="251"/>
      <c r="K83" s="247"/>
      <c r="L83" s="251"/>
      <c r="M83" s="247"/>
      <c r="N83" s="251"/>
      <c r="O83" s="247"/>
    </row>
    <row r="84" spans="1:22" s="248" customFormat="1">
      <c r="A84" s="241"/>
      <c r="B84" s="249"/>
      <c r="C84" s="250"/>
      <c r="D84" s="247"/>
      <c r="E84" s="251"/>
      <c r="F84" s="247"/>
      <c r="G84" s="251"/>
      <c r="H84" s="247"/>
      <c r="I84" s="249"/>
      <c r="J84" s="251"/>
      <c r="K84" s="247"/>
      <c r="L84" s="251"/>
      <c r="M84" s="247"/>
      <c r="N84" s="251"/>
      <c r="O84" s="247"/>
    </row>
    <row r="85" spans="1:22" s="248" customFormat="1">
      <c r="A85" s="241"/>
      <c r="B85" s="249"/>
      <c r="C85" s="250"/>
      <c r="D85" s="247"/>
      <c r="E85" s="251"/>
      <c r="F85" s="247"/>
      <c r="G85" s="251"/>
      <c r="H85" s="247"/>
      <c r="I85" s="249"/>
      <c r="J85" s="251"/>
      <c r="K85" s="247"/>
      <c r="L85" s="251"/>
      <c r="M85" s="247"/>
      <c r="N85" s="251"/>
      <c r="O85" s="247"/>
    </row>
    <row r="86" spans="1:22" s="248" customFormat="1">
      <c r="A86" s="241"/>
      <c r="B86" s="249"/>
      <c r="C86" s="250"/>
      <c r="D86" s="247"/>
      <c r="E86" s="251"/>
      <c r="F86" s="247"/>
      <c r="G86" s="251"/>
      <c r="H86" s="247"/>
      <c r="I86" s="249"/>
      <c r="J86" s="251"/>
      <c r="K86" s="247"/>
      <c r="L86" s="251"/>
      <c r="M86" s="247"/>
      <c r="N86" s="251"/>
      <c r="O86" s="247"/>
    </row>
    <row r="87" spans="1:22" s="248" customFormat="1">
      <c r="A87" s="241"/>
      <c r="B87" s="249"/>
      <c r="C87" s="250"/>
      <c r="D87" s="247"/>
      <c r="E87" s="251"/>
      <c r="F87" s="247"/>
      <c r="G87" s="251"/>
      <c r="H87" s="247"/>
      <c r="I87" s="249"/>
      <c r="J87" s="251"/>
      <c r="K87" s="247"/>
      <c r="L87" s="251"/>
      <c r="M87" s="247"/>
      <c r="N87" s="251"/>
      <c r="O87" s="247"/>
    </row>
    <row r="88" spans="1:22" s="248" customFormat="1">
      <c r="A88" s="241"/>
      <c r="B88" s="249"/>
      <c r="C88" s="250"/>
      <c r="D88" s="247"/>
      <c r="E88" s="251"/>
      <c r="F88" s="247"/>
      <c r="G88" s="251"/>
      <c r="H88" s="247"/>
      <c r="I88" s="249"/>
      <c r="J88" s="251"/>
      <c r="K88" s="247"/>
      <c r="L88" s="251"/>
      <c r="M88" s="247"/>
      <c r="N88" s="251"/>
      <c r="O88" s="247"/>
    </row>
    <row r="89" spans="1:22" s="248" customFormat="1">
      <c r="A89" s="241"/>
      <c r="B89" s="249"/>
      <c r="C89" s="250"/>
      <c r="D89" s="247"/>
      <c r="E89" s="251"/>
      <c r="F89" s="247"/>
      <c r="G89" s="251"/>
      <c r="H89" s="247"/>
      <c r="I89" s="249"/>
      <c r="J89" s="251"/>
      <c r="K89" s="247"/>
      <c r="L89" s="251"/>
      <c r="M89" s="247"/>
      <c r="N89" s="251"/>
      <c r="O89" s="247"/>
    </row>
    <row r="90" spans="1:22" ht="18.75">
      <c r="A90" s="316" t="s">
        <v>230</v>
      </c>
      <c r="B90" s="316"/>
      <c r="C90" s="316"/>
      <c r="D90" s="316"/>
      <c r="E90" s="316"/>
      <c r="F90" s="316"/>
      <c r="G90" s="316"/>
      <c r="H90" s="316"/>
      <c r="I90" s="316"/>
      <c r="J90" s="229"/>
      <c r="K90" s="229"/>
    </row>
    <row r="91" spans="1:22" ht="71.25" customHeight="1">
      <c r="A91" s="363" t="s">
        <v>479</v>
      </c>
      <c r="B91" s="363"/>
      <c r="C91" s="363"/>
      <c r="D91" s="363"/>
      <c r="E91" s="363"/>
      <c r="F91" s="363"/>
      <c r="G91" s="363"/>
      <c r="H91" s="363"/>
      <c r="I91" s="363"/>
      <c r="J91" s="229"/>
      <c r="K91" s="229"/>
    </row>
    <row r="92" spans="1:22" ht="24" customHeight="1">
      <c r="A92" s="361" t="s">
        <v>230</v>
      </c>
      <c r="B92" s="361"/>
      <c r="C92" s="361"/>
      <c r="D92" s="361"/>
      <c r="E92" s="365" t="s">
        <v>231</v>
      </c>
      <c r="F92" s="366"/>
      <c r="G92" s="366"/>
      <c r="H92" s="366"/>
      <c r="I92" s="367"/>
    </row>
    <row r="93" spans="1:22" ht="45" customHeight="1">
      <c r="A93" s="37" t="s">
        <v>85</v>
      </c>
      <c r="B93" s="38" t="s">
        <v>86</v>
      </c>
      <c r="C93" s="39" t="s">
        <v>87</v>
      </c>
      <c r="D93" s="40" t="s">
        <v>88</v>
      </c>
      <c r="E93" s="38" t="s">
        <v>86</v>
      </c>
      <c r="F93" s="38" t="s">
        <v>236</v>
      </c>
      <c r="G93" s="89" t="s">
        <v>233</v>
      </c>
      <c r="H93" s="38" t="s">
        <v>237</v>
      </c>
      <c r="I93" s="89" t="s">
        <v>235</v>
      </c>
    </row>
    <row r="94" spans="1:22" ht="84">
      <c r="A94" s="41"/>
      <c r="B94" s="42" t="s">
        <v>89</v>
      </c>
      <c r="C94" s="43" t="s">
        <v>343</v>
      </c>
      <c r="D94" s="44" t="s">
        <v>91</v>
      </c>
      <c r="E94" s="42" t="s">
        <v>89</v>
      </c>
      <c r="F94" s="42" t="s">
        <v>232</v>
      </c>
      <c r="G94" s="91" t="s">
        <v>104</v>
      </c>
      <c r="H94" s="42" t="s">
        <v>234</v>
      </c>
      <c r="I94" s="91" t="s">
        <v>104</v>
      </c>
    </row>
    <row r="95" spans="1:22">
      <c r="A95" s="45" t="s">
        <v>435</v>
      </c>
      <c r="B95" s="143">
        <v>9248</v>
      </c>
      <c r="C95" s="84">
        <v>11.39</v>
      </c>
      <c r="D95" s="85">
        <v>9.8000000000000004E-2</v>
      </c>
      <c r="E95" s="83">
        <v>9248</v>
      </c>
      <c r="F95" s="98">
        <v>0.90700000000000003</v>
      </c>
      <c r="G95" s="94">
        <v>6.0440164559000106E-3</v>
      </c>
      <c r="H95" s="98">
        <v>9.2999999999999999E-2</v>
      </c>
      <c r="I95" s="94">
        <v>6.0440164559000097E-3</v>
      </c>
    </row>
    <row r="96" spans="1:22">
      <c r="A96" s="49" t="s">
        <v>436</v>
      </c>
      <c r="B96" s="49">
        <v>8621</v>
      </c>
      <c r="C96" s="145">
        <v>11.39166</v>
      </c>
      <c r="D96" s="146">
        <v>0.101354736</v>
      </c>
      <c r="E96" s="123">
        <v>8621</v>
      </c>
      <c r="F96" s="147">
        <v>0.90700000000000003</v>
      </c>
      <c r="G96" s="97">
        <v>6.2602351142158766E-3</v>
      </c>
      <c r="H96" s="147">
        <v>9.2899999999999996E-2</v>
      </c>
      <c r="I96" s="97">
        <v>6.2572216945133638E-3</v>
      </c>
    </row>
    <row r="97" spans="1:9">
      <c r="A97" s="45" t="s">
        <v>437</v>
      </c>
      <c r="B97" s="53">
        <v>824</v>
      </c>
      <c r="C97" s="84">
        <v>12.37</v>
      </c>
      <c r="D97" s="85">
        <v>0.3332</v>
      </c>
      <c r="E97" s="83">
        <v>824</v>
      </c>
      <c r="F97" s="98">
        <v>0.87990000000000002</v>
      </c>
      <c r="G97" s="94">
        <v>2.2742738574537093E-2</v>
      </c>
      <c r="H97" s="98">
        <v>0.1201</v>
      </c>
      <c r="I97" s="94">
        <v>2.2742738574537097E-2</v>
      </c>
    </row>
    <row r="98" spans="1:9">
      <c r="A98" s="49" t="s">
        <v>438</v>
      </c>
      <c r="B98" s="49">
        <v>956</v>
      </c>
      <c r="C98" s="145">
        <v>11.7</v>
      </c>
      <c r="D98" s="146">
        <v>0.29399999999999998</v>
      </c>
      <c r="E98" s="123">
        <v>956</v>
      </c>
      <c r="F98" s="147">
        <v>0.88700000000000001</v>
      </c>
      <c r="G98" s="97">
        <v>2.0562554442050521E-2</v>
      </c>
      <c r="H98" s="147">
        <v>0.113</v>
      </c>
      <c r="I98" s="97">
        <v>2.0562554442050521E-2</v>
      </c>
    </row>
    <row r="99" spans="1:9">
      <c r="A99" s="45" t="s">
        <v>439</v>
      </c>
      <c r="B99" s="53">
        <v>896</v>
      </c>
      <c r="C99" s="84">
        <v>11.79</v>
      </c>
      <c r="D99" s="85"/>
      <c r="E99" s="83">
        <v>896</v>
      </c>
      <c r="F99" s="98">
        <v>0.88900000000000001</v>
      </c>
      <c r="G99" s="94">
        <v>2.1084073662761077E-2</v>
      </c>
      <c r="H99" s="98">
        <v>0.111</v>
      </c>
      <c r="I99" s="94">
        <v>2.1084073662761077E-2</v>
      </c>
    </row>
    <row r="100" spans="1:9">
      <c r="A100" s="49" t="s">
        <v>444</v>
      </c>
      <c r="B100" s="49">
        <v>18</v>
      </c>
      <c r="C100" s="145">
        <v>11.19</v>
      </c>
      <c r="D100" s="146">
        <v>2.2343999999999999</v>
      </c>
      <c r="E100" s="123">
        <v>18</v>
      </c>
      <c r="F100" s="147">
        <v>0.875</v>
      </c>
      <c r="G100" s="97">
        <v>0.16834088970451117</v>
      </c>
      <c r="H100" s="147">
        <v>0.125</v>
      </c>
      <c r="I100" s="97">
        <v>0.16834088970451114</v>
      </c>
    </row>
    <row r="101" spans="1:9">
      <c r="A101" s="45" t="s">
        <v>445</v>
      </c>
      <c r="B101" s="53">
        <v>288</v>
      </c>
      <c r="C101" s="84">
        <v>11.54</v>
      </c>
      <c r="D101" s="85">
        <v>0.50960000000000005</v>
      </c>
      <c r="E101" s="83">
        <v>288</v>
      </c>
      <c r="F101" s="98">
        <v>0.88800000000000001</v>
      </c>
      <c r="G101" s="94">
        <v>3.7663296183673964E-2</v>
      </c>
      <c r="H101" s="98">
        <v>0.112</v>
      </c>
      <c r="I101" s="94">
        <v>3.7663296183673985E-2</v>
      </c>
    </row>
    <row r="102" spans="1:9">
      <c r="A102" s="49" t="s">
        <v>440</v>
      </c>
      <c r="B102" s="49">
        <v>100</v>
      </c>
      <c r="C102" s="145">
        <v>11.54</v>
      </c>
      <c r="D102" s="146">
        <v>0.78400000000000003</v>
      </c>
      <c r="E102" s="123">
        <v>100</v>
      </c>
      <c r="F102" s="147">
        <v>0.91100000000000003</v>
      </c>
      <c r="G102" s="97">
        <v>6.0071444624402281E-2</v>
      </c>
      <c r="H102" s="147">
        <v>8.8999999999999996E-2</v>
      </c>
      <c r="I102" s="97">
        <v>6.0071444624402295E-2</v>
      </c>
    </row>
    <row r="103" spans="1:9">
      <c r="A103" s="45" t="s">
        <v>441</v>
      </c>
      <c r="B103" s="53">
        <v>94</v>
      </c>
      <c r="C103" s="84">
        <v>10.27</v>
      </c>
      <c r="D103" s="85">
        <v>0.88200000000000001</v>
      </c>
      <c r="E103" s="83">
        <v>94</v>
      </c>
      <c r="F103" s="98">
        <v>0.96699999999999997</v>
      </c>
      <c r="G103" s="94">
        <v>4.4881182545817376E-2</v>
      </c>
      <c r="H103" s="98">
        <v>3.3000000000000002E-2</v>
      </c>
      <c r="I103" s="94">
        <v>4.4881182545817341E-2</v>
      </c>
    </row>
    <row r="104" spans="1:9">
      <c r="A104" s="49" t="s">
        <v>442</v>
      </c>
      <c r="B104" s="49">
        <v>70</v>
      </c>
      <c r="C104" s="145">
        <v>12.83</v>
      </c>
      <c r="D104" s="146">
        <v>1.2152000000000001</v>
      </c>
      <c r="E104" s="123">
        <v>70</v>
      </c>
      <c r="F104" s="147">
        <v>0.77200000000000002</v>
      </c>
      <c r="G104" s="97">
        <v>9.9674633061101359E-2</v>
      </c>
      <c r="H104" s="147">
        <v>0.22800000000000001</v>
      </c>
      <c r="I104" s="97">
        <v>9.9674633061101359E-2</v>
      </c>
    </row>
    <row r="105" spans="1:9">
      <c r="A105" s="45" t="s">
        <v>446</v>
      </c>
      <c r="B105" s="143">
        <v>97</v>
      </c>
      <c r="C105" s="84">
        <v>10.93</v>
      </c>
      <c r="D105" s="85">
        <v>0.80359999999999998</v>
      </c>
      <c r="E105" s="83">
        <v>97</v>
      </c>
      <c r="F105" s="98">
        <v>0.94</v>
      </c>
      <c r="G105" s="94">
        <v>5.3187878080407841E-2</v>
      </c>
      <c r="H105" s="98">
        <v>0.06</v>
      </c>
      <c r="I105" s="94">
        <v>5.318787808040782E-2</v>
      </c>
    </row>
    <row r="106" spans="1:9">
      <c r="A106" s="49" t="s">
        <v>447</v>
      </c>
      <c r="B106" s="144">
        <v>105</v>
      </c>
      <c r="C106" s="145">
        <v>11.64</v>
      </c>
      <c r="D106" s="146">
        <v>0.92119999999999991</v>
      </c>
      <c r="E106" s="123">
        <v>105</v>
      </c>
      <c r="F106" s="147">
        <v>0.91500000000000004</v>
      </c>
      <c r="G106" s="97">
        <v>5.752811315405202E-2</v>
      </c>
      <c r="H106" s="147">
        <v>8.5000000000000006E-2</v>
      </c>
      <c r="I106" s="97">
        <v>5.7528113154052034E-2</v>
      </c>
    </row>
    <row r="107" spans="1:9" ht="25.5">
      <c r="A107" s="45" t="s">
        <v>448</v>
      </c>
      <c r="B107" s="83">
        <v>132</v>
      </c>
      <c r="C107" s="84">
        <v>11.88</v>
      </c>
      <c r="D107" s="85">
        <v>0.76439999999999997</v>
      </c>
      <c r="E107" s="83">
        <v>132</v>
      </c>
      <c r="F107" s="98">
        <v>0.91900000000000004</v>
      </c>
      <c r="G107" s="94">
        <v>4.988641459234467E-2</v>
      </c>
      <c r="H107" s="98">
        <v>8.1000000000000003E-2</v>
      </c>
      <c r="I107" s="94">
        <v>4.9886414592344677E-2</v>
      </c>
    </row>
    <row r="108" spans="1:9">
      <c r="A108" s="49" t="s">
        <v>449</v>
      </c>
      <c r="B108" s="144">
        <v>76</v>
      </c>
      <c r="C108" s="145">
        <v>13.09</v>
      </c>
      <c r="D108" s="146">
        <v>1.2544</v>
      </c>
      <c r="E108" s="123">
        <v>76</v>
      </c>
      <c r="F108" s="147">
        <v>0.85599999999999998</v>
      </c>
      <c r="G108" s="97">
        <v>8.234705823525211E-2</v>
      </c>
      <c r="H108" s="147">
        <v>0.14399999999999999</v>
      </c>
      <c r="I108" s="97">
        <v>8.2347058235252096E-2</v>
      </c>
    </row>
    <row r="109" spans="1:9">
      <c r="A109" s="57" t="s">
        <v>450</v>
      </c>
      <c r="B109" s="143">
        <v>112</v>
      </c>
      <c r="C109" s="84">
        <v>11.15</v>
      </c>
      <c r="D109" s="85">
        <v>0.82319999999999993</v>
      </c>
      <c r="E109" s="83">
        <v>112</v>
      </c>
      <c r="F109" s="98">
        <v>0.91</v>
      </c>
      <c r="G109" s="94">
        <v>5.6718671241409009E-2</v>
      </c>
      <c r="H109" s="98">
        <v>0.09</v>
      </c>
      <c r="I109" s="94">
        <v>5.6718671241409002E-2</v>
      </c>
    </row>
    <row r="110" spans="1:9">
      <c r="A110" s="49" t="s">
        <v>443</v>
      </c>
      <c r="B110" s="144">
        <v>73</v>
      </c>
      <c r="C110" s="145">
        <v>11.33</v>
      </c>
      <c r="D110" s="146">
        <v>1.0387999999999999</v>
      </c>
      <c r="E110" s="123">
        <v>73</v>
      </c>
      <c r="F110" s="147">
        <v>0.9</v>
      </c>
      <c r="G110" s="97">
        <v>7.4272786300157281E-2</v>
      </c>
      <c r="H110" s="147">
        <v>0.1</v>
      </c>
      <c r="I110" s="97">
        <v>7.4272786300157295E-2</v>
      </c>
    </row>
    <row r="111" spans="1:9">
      <c r="A111" s="57" t="s">
        <v>451</v>
      </c>
      <c r="B111" s="143">
        <v>129</v>
      </c>
      <c r="C111" s="84">
        <v>12.37</v>
      </c>
      <c r="D111" s="85">
        <v>0.92119999999999991</v>
      </c>
      <c r="E111" s="83">
        <v>129</v>
      </c>
      <c r="F111" s="98">
        <v>0.76400000000000001</v>
      </c>
      <c r="G111" s="94">
        <v>7.4477265924121849E-2</v>
      </c>
      <c r="H111" s="98">
        <v>0.23599999999999999</v>
      </c>
      <c r="I111" s="94">
        <v>7.4477265924121863E-2</v>
      </c>
    </row>
    <row r="119" spans="1:4" ht="18.75">
      <c r="A119" s="316" t="s">
        <v>430</v>
      </c>
      <c r="B119" s="316"/>
      <c r="C119" s="316"/>
      <c r="D119" s="316"/>
    </row>
    <row r="120" spans="1:4" ht="84" customHeight="1">
      <c r="A120" s="360" t="s">
        <v>480</v>
      </c>
      <c r="B120" s="360"/>
      <c r="C120" s="360"/>
      <c r="D120" s="360"/>
    </row>
    <row r="121" spans="1:4" ht="32.25" customHeight="1">
      <c r="A121" s="368" t="s">
        <v>138</v>
      </c>
      <c r="B121" s="361"/>
      <c r="C121" s="361"/>
      <c r="D121" s="361"/>
    </row>
    <row r="122" spans="1:4" ht="37.5" customHeight="1">
      <c r="A122" s="37" t="s">
        <v>85</v>
      </c>
      <c r="B122" s="38" t="s">
        <v>86</v>
      </c>
      <c r="C122" s="39" t="s">
        <v>87</v>
      </c>
      <c r="D122" s="40" t="s">
        <v>88</v>
      </c>
    </row>
    <row r="123" spans="1:4" ht="84">
      <c r="A123" s="41"/>
      <c r="B123" s="42" t="s">
        <v>89</v>
      </c>
      <c r="C123" s="43" t="s">
        <v>139</v>
      </c>
      <c r="D123" s="44" t="s">
        <v>91</v>
      </c>
    </row>
    <row r="124" spans="1:4">
      <c r="A124" s="45" t="s">
        <v>435</v>
      </c>
      <c r="B124" s="298">
        <v>7011</v>
      </c>
      <c r="C124" s="84">
        <v>5.12</v>
      </c>
      <c r="D124" s="85">
        <v>3.9199999999999999E-2</v>
      </c>
    </row>
    <row r="125" spans="1:4">
      <c r="A125" s="49" t="s">
        <v>436</v>
      </c>
      <c r="B125" s="299">
        <v>6498</v>
      </c>
      <c r="C125" s="145">
        <v>5.1043620000000001</v>
      </c>
      <c r="D125" s="146">
        <v>3.7689623999999998E-2</v>
      </c>
    </row>
    <row r="126" spans="1:4">
      <c r="A126" s="45" t="s">
        <v>437</v>
      </c>
      <c r="B126" s="298">
        <v>621</v>
      </c>
      <c r="C126" s="84">
        <v>4.87</v>
      </c>
      <c r="D126" s="85">
        <v>0.1176</v>
      </c>
    </row>
    <row r="127" spans="1:4">
      <c r="A127" s="49" t="s">
        <v>438</v>
      </c>
      <c r="B127" s="299">
        <v>782</v>
      </c>
      <c r="C127" s="145">
        <v>4.91</v>
      </c>
      <c r="D127" s="146">
        <v>0.1176</v>
      </c>
    </row>
    <row r="128" spans="1:4">
      <c r="A128" s="45" t="s">
        <v>439</v>
      </c>
      <c r="B128" s="298">
        <v>730</v>
      </c>
      <c r="C128" s="84">
        <v>4.88</v>
      </c>
      <c r="D128" s="85">
        <v>0.1176</v>
      </c>
    </row>
    <row r="129" spans="1:4">
      <c r="A129" s="49" t="s">
        <v>444</v>
      </c>
      <c r="B129" s="299">
        <v>17</v>
      </c>
      <c r="C129" s="145">
        <v>5.37</v>
      </c>
      <c r="D129" s="146">
        <v>0.99960000000000004</v>
      </c>
    </row>
    <row r="130" spans="1:4">
      <c r="A130" s="45" t="s">
        <v>445</v>
      </c>
      <c r="B130" s="298">
        <v>255</v>
      </c>
      <c r="C130" s="84">
        <v>5.21</v>
      </c>
      <c r="D130" s="85">
        <v>0.19600000000000001</v>
      </c>
    </row>
    <row r="131" spans="1:4">
      <c r="A131" s="49" t="s">
        <v>440</v>
      </c>
      <c r="B131" s="299">
        <v>94</v>
      </c>
      <c r="C131" s="145">
        <v>5.12</v>
      </c>
      <c r="D131" s="146">
        <v>0.29399999999999998</v>
      </c>
    </row>
    <row r="132" spans="1:4">
      <c r="A132" s="45" t="s">
        <v>441</v>
      </c>
      <c r="B132" s="298">
        <v>82</v>
      </c>
      <c r="C132" s="84">
        <v>5.53</v>
      </c>
      <c r="D132" s="85">
        <v>0.3332</v>
      </c>
    </row>
    <row r="133" spans="1:4">
      <c r="A133" s="49" t="s">
        <v>442</v>
      </c>
      <c r="B133" s="299">
        <v>58</v>
      </c>
      <c r="C133" s="145">
        <v>4.92</v>
      </c>
      <c r="D133" s="146">
        <v>0.41159999999999997</v>
      </c>
    </row>
    <row r="134" spans="1:4">
      <c r="A134" s="45" t="s">
        <v>446</v>
      </c>
      <c r="B134" s="298">
        <v>80</v>
      </c>
      <c r="C134" s="84">
        <v>5.13</v>
      </c>
      <c r="D134" s="85">
        <v>0.27440000000000003</v>
      </c>
    </row>
    <row r="135" spans="1:4">
      <c r="A135" s="49" t="s">
        <v>447</v>
      </c>
      <c r="B135" s="299">
        <v>88</v>
      </c>
      <c r="C135" s="145">
        <v>4.6900000000000004</v>
      </c>
      <c r="D135" s="146">
        <v>0.3528</v>
      </c>
    </row>
    <row r="136" spans="1:4" ht="25.5">
      <c r="A136" s="45" t="s">
        <v>448</v>
      </c>
      <c r="B136" s="298">
        <v>113</v>
      </c>
      <c r="C136" s="84">
        <v>5.05</v>
      </c>
      <c r="D136" s="85">
        <v>0.23519999999999999</v>
      </c>
    </row>
    <row r="137" spans="1:4">
      <c r="A137" s="49" t="s">
        <v>449</v>
      </c>
      <c r="B137" s="299">
        <v>68</v>
      </c>
      <c r="C137" s="145">
        <v>4.87</v>
      </c>
      <c r="D137" s="146">
        <v>0.43119999999999997</v>
      </c>
    </row>
    <row r="138" spans="1:4">
      <c r="A138" s="57" t="s">
        <v>450</v>
      </c>
      <c r="B138" s="298">
        <v>67</v>
      </c>
      <c r="C138" s="84">
        <v>4.57</v>
      </c>
      <c r="D138" s="85">
        <v>0.39200000000000002</v>
      </c>
    </row>
    <row r="139" spans="1:4">
      <c r="A139" s="49" t="s">
        <v>443</v>
      </c>
      <c r="B139" s="299">
        <v>41</v>
      </c>
      <c r="C139" s="145">
        <v>4.4400000000000004</v>
      </c>
      <c r="D139" s="146">
        <v>0.54880000000000007</v>
      </c>
    </row>
    <row r="140" spans="1:4">
      <c r="A140" s="57" t="s">
        <v>451</v>
      </c>
      <c r="B140" s="298">
        <v>95</v>
      </c>
      <c r="C140" s="84">
        <v>4.2300000000000004</v>
      </c>
      <c r="D140" s="85">
        <v>0.3528</v>
      </c>
    </row>
    <row r="148" spans="1:26" ht="18.75">
      <c r="A148" s="316" t="s">
        <v>431</v>
      </c>
      <c r="B148" s="316"/>
      <c r="C148" s="316"/>
      <c r="D148" s="316"/>
      <c r="E148" s="316"/>
      <c r="F148" s="316"/>
      <c r="G148" s="316"/>
      <c r="H148" s="316"/>
      <c r="I148" s="316"/>
      <c r="J148" s="316"/>
      <c r="K148" s="316"/>
      <c r="L148" s="316"/>
      <c r="M148" s="316"/>
      <c r="N148" s="316"/>
      <c r="O148" s="316"/>
      <c r="P148" s="316"/>
      <c r="Q148" s="316"/>
      <c r="R148" s="316"/>
      <c r="S148" s="316"/>
      <c r="T148" s="316"/>
      <c r="U148" s="316"/>
      <c r="V148" s="316"/>
    </row>
    <row r="149" spans="1:26" ht="39" customHeight="1">
      <c r="A149" s="363" t="s">
        <v>481</v>
      </c>
      <c r="B149" s="363"/>
      <c r="C149" s="363"/>
      <c r="D149" s="363"/>
      <c r="E149" s="363"/>
      <c r="F149" s="363"/>
      <c r="G149" s="363"/>
      <c r="H149" s="363"/>
      <c r="I149" s="363"/>
      <c r="J149" s="363"/>
      <c r="K149" s="363"/>
      <c r="L149" s="363"/>
      <c r="M149" s="363"/>
      <c r="N149" s="363"/>
      <c r="O149" s="363"/>
      <c r="P149" s="363"/>
      <c r="Q149" s="363"/>
      <c r="R149" s="363"/>
      <c r="S149" s="363"/>
      <c r="T149" s="363"/>
      <c r="U149" s="363"/>
      <c r="V149" s="363"/>
    </row>
    <row r="150" spans="1:26" ht="38.25" customHeight="1">
      <c r="A150" s="64" t="s">
        <v>85</v>
      </c>
      <c r="B150" s="362" t="s">
        <v>344</v>
      </c>
      <c r="C150" s="362"/>
      <c r="D150" s="362"/>
      <c r="E150" s="362"/>
      <c r="F150" s="362"/>
      <c r="G150" s="362"/>
      <c r="H150" s="362"/>
      <c r="I150" s="376" t="s">
        <v>238</v>
      </c>
      <c r="J150" s="377"/>
      <c r="K150" s="377"/>
      <c r="L150" s="377"/>
      <c r="M150" s="377"/>
      <c r="N150" s="377"/>
      <c r="O150" s="378"/>
      <c r="P150" s="373" t="s">
        <v>260</v>
      </c>
      <c r="Q150" s="374"/>
      <c r="R150" s="374"/>
      <c r="S150" s="374"/>
      <c r="T150" s="374"/>
      <c r="U150" s="374"/>
      <c r="V150" s="375"/>
    </row>
    <row r="151" spans="1:26" ht="61.5" customHeight="1">
      <c r="A151" s="37" t="s">
        <v>85</v>
      </c>
      <c r="B151" s="38" t="s">
        <v>86</v>
      </c>
      <c r="C151" s="38" t="s">
        <v>178</v>
      </c>
      <c r="D151" s="89" t="s">
        <v>101</v>
      </c>
      <c r="E151" s="38" t="s">
        <v>179</v>
      </c>
      <c r="F151" s="89" t="s">
        <v>102</v>
      </c>
      <c r="G151" s="38" t="s">
        <v>180</v>
      </c>
      <c r="H151" s="89" t="s">
        <v>103</v>
      </c>
      <c r="I151" s="65" t="s">
        <v>86</v>
      </c>
      <c r="J151" s="65" t="s">
        <v>178</v>
      </c>
      <c r="K151" s="88" t="s">
        <v>101</v>
      </c>
      <c r="L151" s="65" t="s">
        <v>179</v>
      </c>
      <c r="M151" s="88" t="s">
        <v>102</v>
      </c>
      <c r="N151" s="65" t="s">
        <v>180</v>
      </c>
      <c r="O151" s="88" t="s">
        <v>103</v>
      </c>
      <c r="P151" s="38" t="s">
        <v>86</v>
      </c>
      <c r="Q151" s="38" t="s">
        <v>178</v>
      </c>
      <c r="R151" s="89" t="s">
        <v>101</v>
      </c>
      <c r="S151" s="38" t="s">
        <v>179</v>
      </c>
      <c r="T151" s="89" t="s">
        <v>102</v>
      </c>
      <c r="U151" s="38" t="s">
        <v>180</v>
      </c>
      <c r="V151" s="89" t="s">
        <v>103</v>
      </c>
      <c r="Z151" s="281"/>
    </row>
    <row r="152" spans="1:26" ht="72" customHeight="1">
      <c r="A152" s="41"/>
      <c r="B152" s="42" t="s">
        <v>89</v>
      </c>
      <c r="C152" s="42" t="s">
        <v>181</v>
      </c>
      <c r="D152" s="91" t="s">
        <v>104</v>
      </c>
      <c r="E152" s="42" t="s">
        <v>182</v>
      </c>
      <c r="F152" s="91" t="s">
        <v>104</v>
      </c>
      <c r="G152" s="42" t="s">
        <v>183</v>
      </c>
      <c r="H152" s="91" t="s">
        <v>104</v>
      </c>
      <c r="I152" s="68" t="s">
        <v>89</v>
      </c>
      <c r="J152" s="68" t="s">
        <v>181</v>
      </c>
      <c r="K152" s="90" t="s">
        <v>104</v>
      </c>
      <c r="L152" s="68" t="s">
        <v>182</v>
      </c>
      <c r="M152" s="90" t="s">
        <v>104</v>
      </c>
      <c r="N152" s="68" t="s">
        <v>183</v>
      </c>
      <c r="O152" s="90" t="s">
        <v>104</v>
      </c>
      <c r="P152" s="42" t="s">
        <v>89</v>
      </c>
      <c r="Q152" s="42" t="s">
        <v>181</v>
      </c>
      <c r="R152" s="91" t="s">
        <v>104</v>
      </c>
      <c r="S152" s="42" t="s">
        <v>182</v>
      </c>
      <c r="T152" s="91" t="s">
        <v>104</v>
      </c>
      <c r="U152" s="42" t="s">
        <v>183</v>
      </c>
      <c r="V152" s="91" t="s">
        <v>104</v>
      </c>
    </row>
    <row r="153" spans="1:26">
      <c r="A153" s="45" t="s">
        <v>435</v>
      </c>
      <c r="B153" s="148">
        <v>9276</v>
      </c>
      <c r="C153" s="150">
        <v>0.13600000000000001</v>
      </c>
      <c r="D153" s="94">
        <v>7.1202175744412774E-3</v>
      </c>
      <c r="E153" s="150">
        <v>0.10299999999999999</v>
      </c>
      <c r="F153" s="94">
        <v>6.3152402057032589E-3</v>
      </c>
      <c r="G153" s="150">
        <v>0.753</v>
      </c>
      <c r="H153" s="94">
        <v>8.9550161314121256E-3</v>
      </c>
      <c r="I153" s="148">
        <v>9217</v>
      </c>
      <c r="J153" s="150">
        <v>0.16600000000000001</v>
      </c>
      <c r="K153" s="94">
        <v>7.7522857540576638E-3</v>
      </c>
      <c r="L153" s="150">
        <v>0.09</v>
      </c>
      <c r="M153" s="94">
        <v>5.9658068230432019E-3</v>
      </c>
      <c r="N153" s="150">
        <v>0.54</v>
      </c>
      <c r="O153" s="94">
        <v>1.0380493327592522E-2</v>
      </c>
      <c r="P153" s="148">
        <v>9217</v>
      </c>
      <c r="Q153" s="150">
        <v>0.114</v>
      </c>
      <c r="R153" s="94">
        <v>6.6235061239835148E-3</v>
      </c>
      <c r="S153" s="150">
        <v>8.2000000000000003E-2</v>
      </c>
      <c r="T153" s="94">
        <v>5.7201313275713596E-3</v>
      </c>
      <c r="U153" s="150">
        <v>0.77</v>
      </c>
      <c r="V153" s="94">
        <v>8.7665312126002475E-3</v>
      </c>
    </row>
    <row r="154" spans="1:26">
      <c r="A154" s="49" t="s">
        <v>436</v>
      </c>
      <c r="B154" s="149">
        <v>9197</v>
      </c>
      <c r="C154" s="151">
        <v>0.14000000000000001</v>
      </c>
      <c r="D154" s="97">
        <v>7.23817059315357E-3</v>
      </c>
      <c r="E154" s="151">
        <v>0.11</v>
      </c>
      <c r="F154" s="97">
        <v>6.5282517544928698E-3</v>
      </c>
      <c r="G154" s="151">
        <v>0.75</v>
      </c>
      <c r="H154" s="97">
        <v>9.0297562676581438E-3</v>
      </c>
      <c r="I154" s="149">
        <v>6503</v>
      </c>
      <c r="J154" s="151">
        <v>0.218</v>
      </c>
      <c r="K154" s="97">
        <v>1.0239899133076573E-2</v>
      </c>
      <c r="L154" s="151">
        <v>0.108</v>
      </c>
      <c r="M154" s="97">
        <v>7.7029874474262927E-3</v>
      </c>
      <c r="N154" s="151">
        <v>0.67300000000000004</v>
      </c>
      <c r="O154" s="97">
        <v>1.1632077679393428E-2</v>
      </c>
      <c r="P154" s="149">
        <v>8245</v>
      </c>
      <c r="Q154" s="151">
        <v>0.122</v>
      </c>
      <c r="R154" s="97">
        <v>7.2116921733752729E-3</v>
      </c>
      <c r="S154" s="151">
        <v>8.4000000000000005E-2</v>
      </c>
      <c r="T154" s="97">
        <v>6.1149053679823836E-3</v>
      </c>
      <c r="U154" s="151">
        <v>0.79300000000000004</v>
      </c>
      <c r="V154" s="97">
        <v>8.9240335224626353E-3</v>
      </c>
    </row>
    <row r="155" spans="1:26">
      <c r="A155" s="45" t="s">
        <v>437</v>
      </c>
      <c r="B155" s="148">
        <v>827</v>
      </c>
      <c r="C155" s="150">
        <v>0.15720000000000001</v>
      </c>
      <c r="D155" s="94">
        <v>2.5360621051829763E-2</v>
      </c>
      <c r="E155" s="150">
        <v>0.1061</v>
      </c>
      <c r="F155" s="94">
        <v>2.153360641377321E-2</v>
      </c>
      <c r="G155" s="150">
        <v>0.73660000000000003</v>
      </c>
      <c r="H155" s="94">
        <v>3.0602301708218295E-2</v>
      </c>
      <c r="I155" s="148">
        <v>621</v>
      </c>
      <c r="J155" s="150">
        <v>0.26379999999999998</v>
      </c>
      <c r="K155" s="94">
        <v>3.5319922306195642E-2</v>
      </c>
      <c r="L155" s="150">
        <v>0.1159</v>
      </c>
      <c r="M155" s="94">
        <v>2.5842546874374733E-2</v>
      </c>
      <c r="N155" s="150">
        <v>0.62029999999999996</v>
      </c>
      <c r="O155" s="94">
        <v>3.8840190316748437E-2</v>
      </c>
      <c r="P155" s="148">
        <v>801</v>
      </c>
      <c r="Q155" s="150">
        <v>0.16539999999999999</v>
      </c>
      <c r="R155" s="94">
        <v>2.6295283895361683E-2</v>
      </c>
      <c r="S155" s="150">
        <v>0.1024</v>
      </c>
      <c r="T155" s="94">
        <v>2.1552348566486808E-2</v>
      </c>
      <c r="U155" s="150">
        <v>0.73219999999999996</v>
      </c>
      <c r="V155" s="94">
        <v>3.1256712932594272E-2</v>
      </c>
    </row>
    <row r="156" spans="1:26">
      <c r="A156" s="49" t="s">
        <v>438</v>
      </c>
      <c r="B156" s="149">
        <v>962</v>
      </c>
      <c r="C156" s="151">
        <v>0.16800000000000001</v>
      </c>
      <c r="D156" s="97">
        <v>2.4136168082484095E-2</v>
      </c>
      <c r="E156" s="151">
        <v>0.111</v>
      </c>
      <c r="F156" s="97">
        <v>2.0341757215379768E-2</v>
      </c>
      <c r="G156" s="151">
        <v>0.71699999999999997</v>
      </c>
      <c r="H156" s="97">
        <v>2.9014179700446563E-2</v>
      </c>
      <c r="I156" s="149">
        <v>955</v>
      </c>
      <c r="J156" s="151">
        <v>0.21299999999999999</v>
      </c>
      <c r="K156" s="97">
        <v>2.6496242170561977E-2</v>
      </c>
      <c r="L156" s="151">
        <v>0.10199999999999999</v>
      </c>
      <c r="M156" s="97">
        <v>1.9686241072557967E-2</v>
      </c>
      <c r="N156" s="151">
        <v>0.495</v>
      </c>
      <c r="O156" s="97">
        <v>3.2290083002933748E-2</v>
      </c>
      <c r="P156" s="149">
        <v>958</v>
      </c>
      <c r="Q156" s="151">
        <v>0.159</v>
      </c>
      <c r="R156" s="97">
        <v>2.3664669085253515E-2</v>
      </c>
      <c r="S156" s="151">
        <v>0.10100000000000001</v>
      </c>
      <c r="T156" s="97">
        <v>1.9571306207549464E-2</v>
      </c>
      <c r="U156" s="151">
        <v>0.71099999999999997</v>
      </c>
      <c r="V156" s="97">
        <v>2.9256089671731246E-2</v>
      </c>
    </row>
    <row r="157" spans="1:26">
      <c r="A157" s="45" t="s">
        <v>439</v>
      </c>
      <c r="B157" s="148">
        <v>896</v>
      </c>
      <c r="C157" s="150">
        <v>0.17100000000000001</v>
      </c>
      <c r="D157" s="94">
        <v>2.51854458966898E-2</v>
      </c>
      <c r="E157" s="150">
        <v>0.11700000000000001</v>
      </c>
      <c r="F157" s="94">
        <v>2.1562519401522057E-2</v>
      </c>
      <c r="G157" s="150">
        <v>0.71199999999999997</v>
      </c>
      <c r="H157" s="94">
        <v>3.021806776964964E-2</v>
      </c>
      <c r="I157" s="148">
        <v>730</v>
      </c>
      <c r="J157" s="150">
        <v>0.27300000000000002</v>
      </c>
      <c r="K157" s="94">
        <v>3.2933844486032295E-2</v>
      </c>
      <c r="L157" s="150">
        <v>0.124</v>
      </c>
      <c r="M157" s="94">
        <v>2.4501646971607977E-2</v>
      </c>
      <c r="N157" s="150">
        <v>0.60299999999999998</v>
      </c>
      <c r="O157" s="94">
        <v>3.6127711281017168E-2</v>
      </c>
      <c r="P157" s="148">
        <v>874</v>
      </c>
      <c r="Q157" s="150">
        <v>0.16200000000000001</v>
      </c>
      <c r="R157" s="94">
        <v>2.4964172635893789E-2</v>
      </c>
      <c r="S157" s="150">
        <v>0.104</v>
      </c>
      <c r="T157" s="94">
        <v>2.0761098259095501E-2</v>
      </c>
      <c r="U157" s="150">
        <v>0.73399999999999999</v>
      </c>
      <c r="V157" s="94">
        <v>2.9862385909166855E-2</v>
      </c>
    </row>
    <row r="158" spans="1:26">
      <c r="A158" s="49" t="s">
        <v>444</v>
      </c>
      <c r="B158" s="149">
        <v>18</v>
      </c>
      <c r="C158" s="151">
        <v>0.188</v>
      </c>
      <c r="D158" s="97">
        <v>0.18332079915261504</v>
      </c>
      <c r="E158" s="151">
        <v>6.2E-2</v>
      </c>
      <c r="F158" s="97">
        <v>0.1486762829605017</v>
      </c>
      <c r="G158" s="151">
        <v>0.75</v>
      </c>
      <c r="H158" s="97">
        <v>0.19454429597245193</v>
      </c>
      <c r="I158" s="149">
        <v>18</v>
      </c>
      <c r="J158" s="151">
        <v>0.188</v>
      </c>
      <c r="K158" s="97">
        <v>0.18332079915261504</v>
      </c>
      <c r="L158" s="151">
        <v>0</v>
      </c>
      <c r="M158" s="97">
        <v>0.12258179317513493</v>
      </c>
      <c r="N158" s="151">
        <v>0.75</v>
      </c>
      <c r="O158" s="97">
        <v>0.19454429597245193</v>
      </c>
      <c r="P158" s="149">
        <v>18</v>
      </c>
      <c r="Q158" s="151">
        <v>0.185</v>
      </c>
      <c r="R158" s="97">
        <v>0.18269530167246525</v>
      </c>
      <c r="S158" s="151">
        <v>0.124</v>
      </c>
      <c r="T158" s="97">
        <v>0.16806917827251699</v>
      </c>
      <c r="U158" s="151">
        <v>0.69099999999999995</v>
      </c>
      <c r="V158" s="97">
        <v>0.20251995848254464</v>
      </c>
    </row>
    <row r="159" spans="1:26">
      <c r="A159" s="45" t="s">
        <v>445</v>
      </c>
      <c r="B159" s="148">
        <v>290</v>
      </c>
      <c r="C159" s="150">
        <v>0.128</v>
      </c>
      <c r="D159" s="94">
        <v>3.96165180672114E-2</v>
      </c>
      <c r="E159" s="150">
        <v>8.4000000000000005E-2</v>
      </c>
      <c r="F159" s="94">
        <v>3.3324006737975476E-2</v>
      </c>
      <c r="G159" s="150">
        <v>0.78800000000000003</v>
      </c>
      <c r="H159" s="94">
        <v>4.7993427269545551E-2</v>
      </c>
      <c r="I159" s="148">
        <v>289</v>
      </c>
      <c r="J159" s="150">
        <v>0.15</v>
      </c>
      <c r="K159" s="94">
        <v>4.2260669895035491E-2</v>
      </c>
      <c r="L159" s="150">
        <v>8.5000000000000006E-2</v>
      </c>
      <c r="M159" s="94">
        <v>3.354896393359276E-2</v>
      </c>
      <c r="N159" s="150">
        <v>0.61199999999999999</v>
      </c>
      <c r="O159" s="94">
        <v>5.6976872192097412E-2</v>
      </c>
      <c r="P159" s="148">
        <v>289</v>
      </c>
      <c r="Q159" s="150">
        <v>0.09</v>
      </c>
      <c r="R159" s="94">
        <v>3.4355783882924852E-2</v>
      </c>
      <c r="S159" s="150">
        <v>0.121</v>
      </c>
      <c r="T159" s="94">
        <v>3.8796602302736079E-2</v>
      </c>
      <c r="U159" s="150">
        <v>0.77200000000000002</v>
      </c>
      <c r="V159" s="94">
        <v>4.929845753253944E-2</v>
      </c>
    </row>
    <row r="160" spans="1:26">
      <c r="A160" s="49" t="s">
        <v>440</v>
      </c>
      <c r="B160" s="149">
        <v>101</v>
      </c>
      <c r="C160" s="151">
        <v>0.11</v>
      </c>
      <c r="D160" s="97">
        <v>6.4518092474590144E-2</v>
      </c>
      <c r="E160" s="151">
        <v>0.123</v>
      </c>
      <c r="F160" s="97">
        <v>6.7186623351771488E-2</v>
      </c>
      <c r="G160" s="151">
        <v>0.76700000000000002</v>
      </c>
      <c r="H160" s="97">
        <v>8.3731790605584763E-2</v>
      </c>
      <c r="I160" s="149">
        <v>101</v>
      </c>
      <c r="J160" s="151">
        <v>0.151</v>
      </c>
      <c r="K160" s="97">
        <v>7.2322640289579382E-2</v>
      </c>
      <c r="L160" s="151">
        <v>0.105</v>
      </c>
      <c r="M160" s="97">
        <v>6.3436864213804262E-2</v>
      </c>
      <c r="N160" s="151">
        <v>0.66300000000000003</v>
      </c>
      <c r="O160" s="97">
        <v>9.2667710835356687E-2</v>
      </c>
      <c r="P160" s="149">
        <v>101</v>
      </c>
      <c r="Q160" s="151">
        <v>0.108</v>
      </c>
      <c r="R160" s="97">
        <v>6.408944014909429E-2</v>
      </c>
      <c r="S160" s="151">
        <v>0.151</v>
      </c>
      <c r="T160" s="97">
        <v>7.2322640289579382E-2</v>
      </c>
      <c r="U160" s="151">
        <v>0.70499999999999996</v>
      </c>
      <c r="V160" s="97">
        <v>8.9680048447328409E-2</v>
      </c>
    </row>
    <row r="161" spans="1:22">
      <c r="A161" s="45" t="s">
        <v>441</v>
      </c>
      <c r="B161" s="148">
        <v>95</v>
      </c>
      <c r="C161" s="150">
        <v>0.107</v>
      </c>
      <c r="D161" s="94">
        <v>6.5990385393425596E-2</v>
      </c>
      <c r="E161" s="150">
        <v>0.03</v>
      </c>
      <c r="F161" s="94">
        <v>4.3386861478608693E-2</v>
      </c>
      <c r="G161" s="150">
        <v>0.86199999999999999</v>
      </c>
      <c r="H161" s="94">
        <v>7.2287721014112849E-2</v>
      </c>
      <c r="I161" s="148">
        <v>95</v>
      </c>
      <c r="J161" s="150">
        <v>0.104</v>
      </c>
      <c r="K161" s="94">
        <v>6.531972647421809E-2</v>
      </c>
      <c r="L161" s="150">
        <v>9.5000000000000001E-2</v>
      </c>
      <c r="M161" s="94">
        <v>6.3233342713216067E-2</v>
      </c>
      <c r="N161" s="150">
        <v>0.60499999999999998</v>
      </c>
      <c r="O161" s="94">
        <v>9.8441986387606137E-2</v>
      </c>
      <c r="P161" s="148">
        <v>95</v>
      </c>
      <c r="Q161" s="150">
        <v>4.4999999999999998E-2</v>
      </c>
      <c r="R161" s="94">
        <v>4.8975907255896498E-2</v>
      </c>
      <c r="S161" s="150">
        <v>8.3000000000000004E-2</v>
      </c>
      <c r="T161" s="94">
        <v>6.0261639949237909E-2</v>
      </c>
      <c r="U161" s="150">
        <v>0.85199999999999998</v>
      </c>
      <c r="V161" s="94">
        <v>7.4102351504968508E-2</v>
      </c>
    </row>
    <row r="162" spans="1:22">
      <c r="A162" s="49" t="s">
        <v>442</v>
      </c>
      <c r="B162" s="149">
        <v>70</v>
      </c>
      <c r="C162" s="151">
        <v>0.17399999999999999</v>
      </c>
      <c r="D162" s="97">
        <v>9.1504770440914263E-2</v>
      </c>
      <c r="E162" s="151">
        <v>0.11899999999999999</v>
      </c>
      <c r="F162" s="97">
        <v>8.0574942035539568E-2</v>
      </c>
      <c r="G162" s="151">
        <v>0.70699999999999996</v>
      </c>
      <c r="H162" s="97">
        <v>0.10696251588179317</v>
      </c>
      <c r="I162" s="149">
        <v>69</v>
      </c>
      <c r="J162" s="151">
        <v>0.20699999999999999</v>
      </c>
      <c r="K162" s="97">
        <v>9.7447239862496121E-2</v>
      </c>
      <c r="L162" s="151">
        <v>7.8E-2</v>
      </c>
      <c r="M162" s="97">
        <v>7.0573916700537906E-2</v>
      </c>
      <c r="N162" s="151">
        <v>0.51300000000000001</v>
      </c>
      <c r="O162" s="97">
        <v>0.11700579850651185</v>
      </c>
      <c r="P162" s="149">
        <v>69</v>
      </c>
      <c r="Q162" s="151">
        <v>0.127</v>
      </c>
      <c r="R162" s="97">
        <v>8.2992089834630259E-2</v>
      </c>
      <c r="S162" s="151">
        <v>8.3000000000000004E-2</v>
      </c>
      <c r="T162" s="97">
        <v>7.2014168152428504E-2</v>
      </c>
      <c r="U162" s="151">
        <v>0.79</v>
      </c>
      <c r="V162" s="97">
        <v>9.7885572892982955E-2</v>
      </c>
    </row>
    <row r="163" spans="1:22">
      <c r="A163" s="45" t="s">
        <v>446</v>
      </c>
      <c r="B163" s="148">
        <v>99</v>
      </c>
      <c r="C163" s="150">
        <v>0.1</v>
      </c>
      <c r="D163" s="94">
        <v>6.2995108428771415E-2</v>
      </c>
      <c r="E163" s="150">
        <v>7.4999999999999997E-2</v>
      </c>
      <c r="F163" s="94">
        <v>5.6819153066362593E-2</v>
      </c>
      <c r="G163" s="150">
        <v>0.81100000000000005</v>
      </c>
      <c r="H163" s="94">
        <v>7.8985175103860425E-2</v>
      </c>
      <c r="I163" s="148">
        <v>98</v>
      </c>
      <c r="J163" s="150">
        <v>0.188</v>
      </c>
      <c r="K163" s="94">
        <v>7.9246728418218254E-2</v>
      </c>
      <c r="L163" s="150">
        <v>0.13800000000000001</v>
      </c>
      <c r="M163" s="94">
        <v>7.1134347386458907E-2</v>
      </c>
      <c r="N163" s="150">
        <v>0.50900000000000001</v>
      </c>
      <c r="O163" s="94">
        <v>9.8999946201946645E-2</v>
      </c>
      <c r="P163" s="148">
        <v>99</v>
      </c>
      <c r="Q163" s="150">
        <v>0.17199999999999999</v>
      </c>
      <c r="R163" s="94">
        <v>7.6478256483175772E-2</v>
      </c>
      <c r="S163" s="150">
        <v>5.1999999999999998E-2</v>
      </c>
      <c r="T163" s="94">
        <v>5.0080311331277341E-2</v>
      </c>
      <c r="U163" s="150">
        <v>0.752</v>
      </c>
      <c r="V163" s="94">
        <v>8.6199717463457254E-2</v>
      </c>
    </row>
    <row r="164" spans="1:22">
      <c r="A164" s="49" t="s">
        <v>447</v>
      </c>
      <c r="B164" s="149">
        <v>105</v>
      </c>
      <c r="C164" s="151">
        <v>0.158</v>
      </c>
      <c r="D164" s="97">
        <v>7.2050695645686696E-2</v>
      </c>
      <c r="E164" s="151">
        <v>0.191</v>
      </c>
      <c r="F164" s="97">
        <v>7.696018193645511E-2</v>
      </c>
      <c r="G164" s="151">
        <v>0.625</v>
      </c>
      <c r="H164" s="97">
        <v>9.2963590977198848E-2</v>
      </c>
      <c r="I164" s="149">
        <v>105</v>
      </c>
      <c r="J164" s="151">
        <v>0.22900000000000001</v>
      </c>
      <c r="K164" s="97">
        <v>8.1690906150601275E-2</v>
      </c>
      <c r="L164" s="151">
        <v>0.151</v>
      </c>
      <c r="M164" s="97">
        <v>7.0898427148870041E-2</v>
      </c>
      <c r="N164" s="151">
        <v>0.45600000000000002</v>
      </c>
      <c r="O164" s="97">
        <v>9.5437858076961493E-2</v>
      </c>
      <c r="P164" s="149">
        <v>105</v>
      </c>
      <c r="Q164" s="151">
        <v>0.17399999999999999</v>
      </c>
      <c r="R164" s="97">
        <v>7.4533645572091425E-2</v>
      </c>
      <c r="S164" s="151">
        <v>0.151</v>
      </c>
      <c r="T164" s="97">
        <v>7.0898427148870041E-2</v>
      </c>
      <c r="U164" s="151">
        <v>0.63400000000000001</v>
      </c>
      <c r="V164" s="97">
        <v>9.253567433675372E-2</v>
      </c>
    </row>
    <row r="165" spans="1:22" ht="25.5">
      <c r="A165" s="45" t="s">
        <v>448</v>
      </c>
      <c r="B165" s="148">
        <v>132</v>
      </c>
      <c r="C165" s="150">
        <v>0.113</v>
      </c>
      <c r="D165" s="94">
        <v>5.6597490907281361E-2</v>
      </c>
      <c r="E165" s="150">
        <v>0.157</v>
      </c>
      <c r="F165" s="94">
        <v>6.3978341215743431E-2</v>
      </c>
      <c r="G165" s="150">
        <v>0.73</v>
      </c>
      <c r="H165" s="94">
        <v>7.6728321993175752E-2</v>
      </c>
      <c r="I165" s="148">
        <v>130</v>
      </c>
      <c r="J165" s="150">
        <v>0.185</v>
      </c>
      <c r="K165" s="94">
        <v>6.8373527317754201E-2</v>
      </c>
      <c r="L165" s="150">
        <v>0.11700000000000001</v>
      </c>
      <c r="M165" s="94">
        <v>5.7805087444313494E-2</v>
      </c>
      <c r="N165" s="150">
        <v>0.58499999999999996</v>
      </c>
      <c r="O165" s="94">
        <v>8.5203865325417072E-2</v>
      </c>
      <c r="P165" s="148">
        <v>132</v>
      </c>
      <c r="Q165" s="150">
        <v>0.16900000000000001</v>
      </c>
      <c r="R165" s="94">
        <v>6.5706340627496709E-2</v>
      </c>
      <c r="S165" s="150">
        <v>0.113</v>
      </c>
      <c r="T165" s="94">
        <v>5.6597490907281361E-2</v>
      </c>
      <c r="U165" s="150">
        <v>0.71</v>
      </c>
      <c r="V165" s="94">
        <v>7.8301072199505051E-2</v>
      </c>
    </row>
    <row r="166" spans="1:22">
      <c r="A166" s="49" t="s">
        <v>449</v>
      </c>
      <c r="B166" s="149">
        <v>77</v>
      </c>
      <c r="C166" s="151">
        <v>0.185</v>
      </c>
      <c r="D166" s="97">
        <v>8.8981347661585802E-2</v>
      </c>
      <c r="E166" s="151">
        <v>7.2999999999999995E-2</v>
      </c>
      <c r="F166" s="97">
        <v>6.4877535297117775E-2</v>
      </c>
      <c r="G166" s="151">
        <v>0.74199999999999999</v>
      </c>
      <c r="H166" s="97">
        <v>9.8651971255974469E-2</v>
      </c>
      <c r="I166" s="149">
        <v>77</v>
      </c>
      <c r="J166" s="151">
        <v>0.22800000000000001</v>
      </c>
      <c r="K166" s="97">
        <v>9.5100373342765443E-2</v>
      </c>
      <c r="L166" s="151">
        <v>0.15</v>
      </c>
      <c r="M166" s="97">
        <v>8.2939820659440486E-2</v>
      </c>
      <c r="N166" s="151">
        <v>0.48899999999999999</v>
      </c>
      <c r="O166" s="97">
        <v>0.11108680968477505</v>
      </c>
      <c r="P166" s="149">
        <v>77</v>
      </c>
      <c r="Q166" s="151">
        <v>0.214</v>
      </c>
      <c r="R166" s="97">
        <v>9.3249471650374408E-2</v>
      </c>
      <c r="S166" s="151">
        <v>0.14399999999999999</v>
      </c>
      <c r="T166" s="97">
        <v>8.1792290596567938E-2</v>
      </c>
      <c r="U166" s="151">
        <v>0.61099999999999999</v>
      </c>
      <c r="V166" s="97">
        <v>0.10860867397087334</v>
      </c>
    </row>
    <row r="167" spans="1:22">
      <c r="A167" s="57" t="s">
        <v>450</v>
      </c>
      <c r="B167" s="148">
        <v>112</v>
      </c>
      <c r="C167" s="150">
        <v>0.20200000000000001</v>
      </c>
      <c r="D167" s="94">
        <v>7.5934368315294917E-2</v>
      </c>
      <c r="E167" s="150">
        <v>9.0999999999999998E-2</v>
      </c>
      <c r="F167" s="94">
        <v>5.69502848639254E-2</v>
      </c>
      <c r="G167" s="150">
        <v>0.70699999999999996</v>
      </c>
      <c r="H167" s="94">
        <v>8.5107468246557072E-2</v>
      </c>
      <c r="I167" s="148">
        <v>111</v>
      </c>
      <c r="J167" s="150">
        <v>0.27700000000000002</v>
      </c>
      <c r="K167" s="94">
        <v>8.4167585429807332E-2</v>
      </c>
      <c r="L167" s="150">
        <v>7.0000000000000007E-2</v>
      </c>
      <c r="M167" s="94">
        <v>5.199963583588843E-2</v>
      </c>
      <c r="N167" s="150">
        <v>0.32900000000000001</v>
      </c>
      <c r="O167" s="94">
        <v>8.8023273579815681E-2</v>
      </c>
      <c r="P167" s="148">
        <v>110</v>
      </c>
      <c r="Q167" s="150">
        <v>0.14199999999999999</v>
      </c>
      <c r="R167" s="94">
        <v>6.7712544136811659E-2</v>
      </c>
      <c r="S167" s="150">
        <v>7.8E-2</v>
      </c>
      <c r="T167" s="94">
        <v>5.4352286557066962E-2</v>
      </c>
      <c r="U167" s="150">
        <v>0.73099999999999998</v>
      </c>
      <c r="V167" s="94">
        <v>8.3837339645770628E-2</v>
      </c>
    </row>
    <row r="168" spans="1:22">
      <c r="A168" s="49" t="s">
        <v>443</v>
      </c>
      <c r="B168" s="149">
        <v>73</v>
      </c>
      <c r="C168" s="151">
        <v>0.22500000000000001</v>
      </c>
      <c r="D168" s="97">
        <v>9.72419826026443E-2</v>
      </c>
      <c r="E168" s="151">
        <v>8.3000000000000004E-2</v>
      </c>
      <c r="F168" s="97">
        <v>6.9770731309031095E-2</v>
      </c>
      <c r="G168" s="151">
        <v>0.69099999999999995</v>
      </c>
      <c r="H168" s="97">
        <v>0.10622465439749436</v>
      </c>
      <c r="I168" s="149">
        <v>72</v>
      </c>
      <c r="J168" s="151">
        <v>0.27300000000000002</v>
      </c>
      <c r="K168" s="97">
        <v>0.10355582416490192</v>
      </c>
      <c r="L168" s="151">
        <v>8.9999999999999993E-3</v>
      </c>
      <c r="M168" s="97">
        <v>4.207020008208643E-2</v>
      </c>
      <c r="N168" s="151">
        <v>0.35099999999999998</v>
      </c>
      <c r="O168" s="97">
        <v>0.11004172623755107</v>
      </c>
      <c r="P168" s="149">
        <v>71</v>
      </c>
      <c r="Q168" s="151">
        <v>0.108</v>
      </c>
      <c r="R168" s="97">
        <v>7.7387247168356474E-2</v>
      </c>
      <c r="S168" s="151">
        <v>5.0999999999999997E-2</v>
      </c>
      <c r="T168" s="97">
        <v>6.0807746796921504E-2</v>
      </c>
      <c r="U168" s="151">
        <v>0.78900000000000003</v>
      </c>
      <c r="V168" s="97">
        <v>9.6650666029013219E-2</v>
      </c>
    </row>
    <row r="169" spans="1:22">
      <c r="A169" s="57" t="s">
        <v>451</v>
      </c>
      <c r="B169" s="148">
        <v>130</v>
      </c>
      <c r="C169" s="150">
        <v>0.32400000000000001</v>
      </c>
      <c r="D169" s="94">
        <v>8.1193653111963887E-2</v>
      </c>
      <c r="E169" s="150">
        <v>0.13800000000000001</v>
      </c>
      <c r="F169" s="94">
        <v>6.1489655336072993E-2</v>
      </c>
      <c r="G169" s="150">
        <v>0.53</v>
      </c>
      <c r="H169" s="94">
        <v>8.6240366865537904E-2</v>
      </c>
      <c r="I169" s="148">
        <v>129</v>
      </c>
      <c r="J169" s="150">
        <v>0.3</v>
      </c>
      <c r="K169" s="94">
        <v>7.991910089289625E-2</v>
      </c>
      <c r="L169" s="150">
        <v>7.9000000000000001E-2</v>
      </c>
      <c r="M169" s="94">
        <v>5.004052351724609E-2</v>
      </c>
      <c r="N169" s="150">
        <v>0.313</v>
      </c>
      <c r="O169" s="94">
        <v>8.0804743485356739E-2</v>
      </c>
      <c r="P169" s="148">
        <v>129</v>
      </c>
      <c r="Q169" s="150">
        <v>0.254</v>
      </c>
      <c r="R169" s="94">
        <v>7.6201024681554708E-2</v>
      </c>
      <c r="S169" s="150">
        <v>4.2000000000000003E-2</v>
      </c>
      <c r="T169" s="94">
        <v>3.9797853257192026E-2</v>
      </c>
      <c r="U169" s="150">
        <v>0.64800000000000002</v>
      </c>
      <c r="V169" s="94">
        <v>8.306057600985764E-2</v>
      </c>
    </row>
    <row r="177" spans="1:10" ht="19.5" customHeight="1">
      <c r="A177" s="324" t="s">
        <v>4</v>
      </c>
      <c r="B177" s="324"/>
      <c r="C177" s="324"/>
      <c r="D177" s="324"/>
      <c r="E177" s="324"/>
      <c r="F177" s="324"/>
      <c r="G177" s="324"/>
      <c r="H177" s="324"/>
      <c r="I177" s="324"/>
      <c r="J177" s="324"/>
    </row>
    <row r="178" spans="1:10" ht="43.5" customHeight="1">
      <c r="A178" s="381" t="s">
        <v>482</v>
      </c>
      <c r="B178" s="381"/>
      <c r="C178" s="381"/>
      <c r="D178" s="381"/>
      <c r="E178" s="381"/>
      <c r="F178" s="381"/>
      <c r="G178" s="381"/>
      <c r="H178" s="381"/>
      <c r="I178" s="381"/>
      <c r="J178" s="381"/>
    </row>
    <row r="179" spans="1:10" ht="43.5" customHeight="1">
      <c r="A179" s="379" t="s">
        <v>140</v>
      </c>
      <c r="B179" s="380"/>
      <c r="C179" s="380"/>
      <c r="D179" s="380"/>
      <c r="E179" s="380"/>
      <c r="F179" s="380"/>
      <c r="G179" s="380"/>
      <c r="H179" s="380"/>
      <c r="I179" s="380"/>
      <c r="J179" s="380"/>
    </row>
    <row r="180" spans="1:10" ht="39.75" customHeight="1">
      <c r="A180" s="37" t="s">
        <v>85</v>
      </c>
      <c r="B180" s="38" t="s">
        <v>86</v>
      </c>
      <c r="C180" s="38" t="s">
        <v>178</v>
      </c>
      <c r="D180" s="89" t="s">
        <v>101</v>
      </c>
      <c r="E180" s="38" t="s">
        <v>179</v>
      </c>
      <c r="F180" s="89" t="s">
        <v>102</v>
      </c>
      <c r="G180" s="38" t="s">
        <v>180</v>
      </c>
      <c r="H180" s="89" t="s">
        <v>103</v>
      </c>
      <c r="I180" s="38" t="s">
        <v>356</v>
      </c>
      <c r="J180" s="89" t="s">
        <v>355</v>
      </c>
    </row>
    <row r="181" spans="1:10" ht="72">
      <c r="A181" s="41"/>
      <c r="B181" s="42" t="s">
        <v>89</v>
      </c>
      <c r="C181" s="42" t="s">
        <v>181</v>
      </c>
      <c r="D181" s="91" t="s">
        <v>104</v>
      </c>
      <c r="E181" s="42" t="s">
        <v>182</v>
      </c>
      <c r="F181" s="91" t="s">
        <v>104</v>
      </c>
      <c r="G181" s="42" t="s">
        <v>183</v>
      </c>
      <c r="H181" s="91" t="s">
        <v>104</v>
      </c>
      <c r="I181" s="42" t="s">
        <v>356</v>
      </c>
      <c r="J181" s="91" t="s">
        <v>104</v>
      </c>
    </row>
    <row r="182" spans="1:10">
      <c r="A182" s="45" t="s">
        <v>435</v>
      </c>
      <c r="B182" s="152">
        <v>9113</v>
      </c>
      <c r="C182" s="155">
        <v>0.121</v>
      </c>
      <c r="D182" s="94">
        <v>6.8351534005307987E-3</v>
      </c>
      <c r="E182" s="155">
        <v>0.16200000000000001</v>
      </c>
      <c r="F182" s="94">
        <v>7.7204708880824402E-3</v>
      </c>
      <c r="G182" s="155">
        <v>0.68</v>
      </c>
      <c r="H182" s="94">
        <v>9.7715132880957269E-3</v>
      </c>
      <c r="I182" s="155">
        <v>3.6999999999999998E-2</v>
      </c>
      <c r="J182" s="94">
        <v>3.9642508892939075E-3</v>
      </c>
    </row>
    <row r="183" spans="1:10">
      <c r="A183" s="49" t="s">
        <v>436</v>
      </c>
      <c r="B183" s="49">
        <v>8765</v>
      </c>
      <c r="C183" s="154">
        <v>0.123</v>
      </c>
      <c r="D183" s="97">
        <v>7.0188848230340883E-3</v>
      </c>
      <c r="E183" s="154">
        <v>0.16700000000000001</v>
      </c>
      <c r="F183" s="97">
        <v>7.9688108376723028E-3</v>
      </c>
      <c r="G183" s="154">
        <v>0.67400000000000004</v>
      </c>
      <c r="H183" s="97">
        <v>1.0012003621009709E-2</v>
      </c>
      <c r="I183" s="154">
        <v>3.6999999999999998E-2</v>
      </c>
      <c r="J183" s="97">
        <v>4.0425677306913498E-3</v>
      </c>
    </row>
    <row r="184" spans="1:10">
      <c r="A184" s="45" t="s">
        <v>437</v>
      </c>
      <c r="B184" s="53">
        <v>841</v>
      </c>
      <c r="C184" s="155">
        <v>0.14069999999999999</v>
      </c>
      <c r="D184" s="94">
        <v>2.4043632179673178E-2</v>
      </c>
      <c r="E184" s="155">
        <v>0.19089999999999999</v>
      </c>
      <c r="F184" s="94">
        <v>2.7118813432807469E-2</v>
      </c>
      <c r="G184" s="155">
        <v>0.57730000000000004</v>
      </c>
      <c r="H184" s="94">
        <v>3.399137704072034E-2</v>
      </c>
      <c r="I184" s="155">
        <v>9.11E-2</v>
      </c>
      <c r="J184" s="94">
        <v>1.9985793116332456E-2</v>
      </c>
    </row>
    <row r="185" spans="1:10">
      <c r="A185" s="49" t="s">
        <v>438</v>
      </c>
      <c r="B185" s="49">
        <v>935</v>
      </c>
      <c r="C185" s="154">
        <v>0.13300000000000001</v>
      </c>
      <c r="D185" s="97">
        <v>2.2272976410763354E-2</v>
      </c>
      <c r="E185" s="154">
        <v>0.19700000000000001</v>
      </c>
      <c r="F185" s="97">
        <v>2.6022970053865863E-2</v>
      </c>
      <c r="G185" s="154">
        <v>0.63</v>
      </c>
      <c r="H185" s="97">
        <v>3.1521156158527609E-2</v>
      </c>
      <c r="I185" s="154">
        <v>0.04</v>
      </c>
      <c r="J185" s="97">
        <v>1.308592544242204E-2</v>
      </c>
    </row>
    <row r="186" spans="1:10">
      <c r="A186" s="45" t="s">
        <v>439</v>
      </c>
      <c r="B186" s="53">
        <v>902</v>
      </c>
      <c r="C186" s="155">
        <v>0.129</v>
      </c>
      <c r="D186" s="94">
        <v>2.2392415355551226E-2</v>
      </c>
      <c r="E186" s="155">
        <v>0.20100000000000001</v>
      </c>
      <c r="F186" s="94">
        <v>2.6693143878385561E-2</v>
      </c>
      <c r="G186" s="155">
        <v>0.624</v>
      </c>
      <c r="H186" s="94">
        <v>3.2194186654251909E-2</v>
      </c>
      <c r="I186" s="155">
        <v>4.4999999999999998E-2</v>
      </c>
      <c r="J186" s="94">
        <v>1.4063714983103269E-2</v>
      </c>
    </row>
    <row r="187" spans="1:10">
      <c r="A187" s="49" t="s">
        <v>444</v>
      </c>
      <c r="B187" s="49">
        <v>18</v>
      </c>
      <c r="C187" s="154">
        <v>6.5000000000000002E-2</v>
      </c>
      <c r="D187" s="97">
        <v>0.14974446051873866</v>
      </c>
      <c r="E187" s="154">
        <v>0.246</v>
      </c>
      <c r="F187" s="97">
        <v>0.19391263417312687</v>
      </c>
      <c r="G187" s="154">
        <v>0.56599999999999995</v>
      </c>
      <c r="H187" s="97">
        <v>0.21195368276197429</v>
      </c>
      <c r="I187" s="154">
        <v>0.123</v>
      </c>
      <c r="J187" s="97">
        <v>0.16779630150243574</v>
      </c>
    </row>
    <row r="188" spans="1:10">
      <c r="A188" s="45" t="s">
        <v>445</v>
      </c>
      <c r="B188" s="53">
        <v>289</v>
      </c>
      <c r="C188" s="155">
        <v>0.151</v>
      </c>
      <c r="D188" s="94">
        <v>4.2370368302546701E-2</v>
      </c>
      <c r="E188" s="155">
        <v>0.17100000000000001</v>
      </c>
      <c r="F188" s="94">
        <v>4.4444882825193682E-2</v>
      </c>
      <c r="G188" s="155">
        <v>0.66800000000000004</v>
      </c>
      <c r="H188" s="94">
        <v>5.5119028626167695E-2</v>
      </c>
      <c r="I188" s="155">
        <v>8.9999999999999993E-3</v>
      </c>
      <c r="J188" s="94">
        <v>1.4526184531027355E-2</v>
      </c>
    </row>
    <row r="189" spans="1:10">
      <c r="A189" s="49" t="s">
        <v>440</v>
      </c>
      <c r="B189" s="49">
        <v>100</v>
      </c>
      <c r="C189" s="154">
        <v>0.16700000000000001</v>
      </c>
      <c r="D189" s="97">
        <v>7.5313929167971652E-2</v>
      </c>
      <c r="E189" s="154">
        <v>0.24099999999999999</v>
      </c>
      <c r="F189" s="97">
        <v>8.5029371548568267E-2</v>
      </c>
      <c r="G189" s="154">
        <v>0.59099999999999997</v>
      </c>
      <c r="H189" s="97">
        <v>9.6544877966355427E-2</v>
      </c>
      <c r="I189" s="154">
        <v>1E-3</v>
      </c>
      <c r="J189" s="97">
        <v>2.7585237413659435E-2</v>
      </c>
    </row>
    <row r="190" spans="1:10">
      <c r="A190" s="45" t="s">
        <v>441</v>
      </c>
      <c r="B190" s="53">
        <v>94</v>
      </c>
      <c r="C190" s="155">
        <v>1.7999999999999999E-2</v>
      </c>
      <c r="D190" s="94">
        <v>3.8467680095376218E-2</v>
      </c>
      <c r="E190" s="155">
        <v>0.12</v>
      </c>
      <c r="F190" s="94">
        <v>6.9148520627375448E-2</v>
      </c>
      <c r="G190" s="155">
        <v>0.85</v>
      </c>
      <c r="H190" s="94">
        <v>7.4859301595739711E-2</v>
      </c>
      <c r="I190" s="155">
        <v>1.2E-2</v>
      </c>
      <c r="J190" s="94">
        <v>3.5513484172568763E-2</v>
      </c>
    </row>
    <row r="191" spans="1:10">
      <c r="A191" s="49" t="s">
        <v>442</v>
      </c>
      <c r="B191" s="49">
        <v>71</v>
      </c>
      <c r="C191" s="154">
        <v>0.20499999999999999</v>
      </c>
      <c r="D191" s="97">
        <v>9.5780340053378085E-2</v>
      </c>
      <c r="E191" s="154">
        <v>0.184</v>
      </c>
      <c r="F191" s="97">
        <v>9.2523516815195966E-2</v>
      </c>
      <c r="G191" s="154">
        <v>0.59499999999999997</v>
      </c>
      <c r="H191" s="97">
        <v>0.11358685265600195</v>
      </c>
      <c r="I191" s="154">
        <v>1.6E-2</v>
      </c>
      <c r="J191" s="97">
        <v>4.6225521660017435E-2</v>
      </c>
    </row>
    <row r="192" spans="1:10">
      <c r="A192" s="45" t="s">
        <v>446</v>
      </c>
      <c r="B192" s="152">
        <v>95</v>
      </c>
      <c r="C192" s="155">
        <v>0.129</v>
      </c>
      <c r="D192" s="94">
        <v>7.0569632630810702E-2</v>
      </c>
      <c r="E192" s="155">
        <v>0.26800000000000002</v>
      </c>
      <c r="F192" s="94">
        <v>8.9991592691282166E-2</v>
      </c>
      <c r="G192" s="155">
        <v>0.57299999999999995</v>
      </c>
      <c r="H192" s="94">
        <v>9.9512534460916624E-2</v>
      </c>
      <c r="I192" s="155">
        <v>0.03</v>
      </c>
      <c r="J192" s="94">
        <v>4.3386861478608693E-2</v>
      </c>
    </row>
    <row r="193" spans="1:10">
      <c r="A193" s="49" t="s">
        <v>447</v>
      </c>
      <c r="B193" s="153">
        <v>101</v>
      </c>
      <c r="C193" s="154">
        <v>9.5000000000000001E-2</v>
      </c>
      <c r="D193" s="97">
        <v>6.1173944668599003E-2</v>
      </c>
      <c r="E193" s="154">
        <v>0.218</v>
      </c>
      <c r="F193" s="97">
        <v>8.1980151476754443E-2</v>
      </c>
      <c r="G193" s="154">
        <v>0.64200000000000002</v>
      </c>
      <c r="H193" s="97">
        <v>9.3877943413685827E-2</v>
      </c>
      <c r="I193" s="154">
        <v>4.5999999999999999E-2</v>
      </c>
      <c r="J193" s="97">
        <v>4.7525011331760972E-2</v>
      </c>
    </row>
    <row r="194" spans="1:10" ht="25.5">
      <c r="A194" s="45" t="s">
        <v>448</v>
      </c>
      <c r="B194" s="83">
        <v>128</v>
      </c>
      <c r="C194" s="155">
        <v>9.2999999999999999E-2</v>
      </c>
      <c r="D194" s="94">
        <v>5.3438784639096196E-2</v>
      </c>
      <c r="E194" s="155">
        <v>0.185</v>
      </c>
      <c r="F194" s="94">
        <v>6.8908705669202333E-2</v>
      </c>
      <c r="G194" s="155">
        <v>0.65400000000000003</v>
      </c>
      <c r="H194" s="94">
        <v>8.306615756122665E-2</v>
      </c>
      <c r="I194" s="155">
        <v>6.9000000000000006E-2</v>
      </c>
      <c r="J194" s="94">
        <v>4.777683697483924E-2</v>
      </c>
    </row>
    <row r="195" spans="1:10">
      <c r="A195" s="49" t="s">
        <v>449</v>
      </c>
      <c r="B195" s="153">
        <v>74</v>
      </c>
      <c r="C195" s="154">
        <v>0.251</v>
      </c>
      <c r="D195" s="97">
        <v>9.9793382358222091E-2</v>
      </c>
      <c r="E195" s="154">
        <v>0.23899999999999999</v>
      </c>
      <c r="F195" s="97">
        <v>9.8367865636266719E-2</v>
      </c>
      <c r="G195" s="154">
        <v>0.46800000000000003</v>
      </c>
      <c r="H195" s="97">
        <v>0.11301879414297365</v>
      </c>
      <c r="I195" s="154">
        <v>4.1000000000000002E-2</v>
      </c>
      <c r="J195" s="97">
        <v>5.5642286318078986E-2</v>
      </c>
    </row>
    <row r="196" spans="1:10">
      <c r="A196" s="57" t="s">
        <v>450</v>
      </c>
      <c r="B196" s="152">
        <v>105</v>
      </c>
      <c r="C196" s="155">
        <v>8.5999999999999993E-2</v>
      </c>
      <c r="D196" s="94">
        <v>5.7772951990482692E-2</v>
      </c>
      <c r="E196" s="155">
        <v>0.121</v>
      </c>
      <c r="F196" s="94">
        <v>6.5443587053764865E-2</v>
      </c>
      <c r="G196" s="155">
        <v>0.71099999999999997</v>
      </c>
      <c r="H196" s="94">
        <v>8.7511286912253697E-2</v>
      </c>
      <c r="I196" s="155">
        <v>8.2000000000000003E-2</v>
      </c>
      <c r="J196" s="94">
        <v>5.6783665148351883E-2</v>
      </c>
    </row>
    <row r="197" spans="1:10">
      <c r="A197" s="49" t="s">
        <v>443</v>
      </c>
      <c r="B197" s="153">
        <v>70</v>
      </c>
      <c r="C197" s="154">
        <v>2.1000000000000001E-2</v>
      </c>
      <c r="D197" s="97">
        <v>4.915119660729781E-2</v>
      </c>
      <c r="E197" s="154">
        <v>6.5000000000000002E-2</v>
      </c>
      <c r="F197" s="97">
        <v>6.6038019941425705E-2</v>
      </c>
      <c r="G197" s="154">
        <v>0.82799999999999996</v>
      </c>
      <c r="H197" s="97">
        <v>9.1158418503890559E-2</v>
      </c>
      <c r="I197" s="154">
        <v>8.5000000000000006E-2</v>
      </c>
      <c r="J197" s="97">
        <v>7.1995009171651081E-2</v>
      </c>
    </row>
    <row r="198" spans="1:10">
      <c r="A198" s="57" t="s">
        <v>451</v>
      </c>
      <c r="B198" s="152">
        <v>125</v>
      </c>
      <c r="C198" s="155">
        <v>0.17499999999999999</v>
      </c>
      <c r="D198" s="94">
        <v>6.8386460240222532E-2</v>
      </c>
      <c r="E198" s="155">
        <v>0.26</v>
      </c>
      <c r="F198" s="94">
        <v>7.7941880898640015E-2</v>
      </c>
      <c r="G198" s="155">
        <v>0.56399999999999995</v>
      </c>
      <c r="H198" s="94">
        <v>8.7365236603531252E-2</v>
      </c>
      <c r="I198" s="155">
        <v>0</v>
      </c>
      <c r="J198" s="94">
        <v>2.1755160342254897E-2</v>
      </c>
    </row>
  </sheetData>
  <mergeCells count="28">
    <mergeCell ref="B150:H150"/>
    <mergeCell ref="P150:V150"/>
    <mergeCell ref="I150:O150"/>
    <mergeCell ref="A179:J179"/>
    <mergeCell ref="A178:J178"/>
    <mergeCell ref="A177:J177"/>
    <mergeCell ref="A149:V149"/>
    <mergeCell ref="A5:D5"/>
    <mergeCell ref="A92:D92"/>
    <mergeCell ref="A119:D119"/>
    <mergeCell ref="A120:D120"/>
    <mergeCell ref="E92:I92"/>
    <mergeCell ref="A91:I91"/>
    <mergeCell ref="A121:D121"/>
    <mergeCell ref="A33:K33"/>
    <mergeCell ref="A32:K32"/>
    <mergeCell ref="E34:K34"/>
    <mergeCell ref="A148:V148"/>
    <mergeCell ref="A3:O3"/>
    <mergeCell ref="A4:O4"/>
    <mergeCell ref="E5:O5"/>
    <mergeCell ref="A90:I90"/>
    <mergeCell ref="A34:D34"/>
    <mergeCell ref="B63:H63"/>
    <mergeCell ref="I63:O63"/>
    <mergeCell ref="A61:V61"/>
    <mergeCell ref="A62:V62"/>
    <mergeCell ref="P63:V63"/>
  </mergeCells>
  <pageMargins left="0.7" right="0.7" top="0.75" bottom="0.75" header="0.3" footer="0.3"/>
  <pageSetup paperSize="9"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AC111"/>
  <sheetViews>
    <sheetView zoomScaleNormal="100" workbookViewId="0"/>
  </sheetViews>
  <sheetFormatPr defaultColWidth="19.140625" defaultRowHeight="15"/>
  <cols>
    <col min="1" max="1" width="37.42578125" customWidth="1"/>
  </cols>
  <sheetData>
    <row r="1" spans="1:4" ht="31.5">
      <c r="A1" s="33" t="s">
        <v>40</v>
      </c>
    </row>
    <row r="3" spans="1:4" ht="18.75">
      <c r="A3" s="316" t="s">
        <v>11</v>
      </c>
      <c r="B3" s="316"/>
      <c r="C3" s="316"/>
      <c r="D3" s="316"/>
    </row>
    <row r="4" spans="1:4" ht="129.75" customHeight="1">
      <c r="A4" s="382" t="s">
        <v>261</v>
      </c>
      <c r="B4" s="382"/>
      <c r="C4" s="382"/>
      <c r="D4" s="382"/>
    </row>
    <row r="5" spans="1:4" ht="15.75" customHeight="1">
      <c r="A5" s="362" t="s">
        <v>141</v>
      </c>
      <c r="B5" s="362"/>
      <c r="C5" s="362"/>
      <c r="D5" s="362"/>
    </row>
    <row r="6" spans="1:4" ht="72">
      <c r="A6" s="37" t="s">
        <v>85</v>
      </c>
      <c r="B6" s="38" t="s">
        <v>86</v>
      </c>
      <c r="C6" s="39" t="s">
        <v>87</v>
      </c>
      <c r="D6" s="40" t="s">
        <v>88</v>
      </c>
    </row>
    <row r="7" spans="1:4" ht="72">
      <c r="A7" s="41"/>
      <c r="B7" s="42" t="s">
        <v>89</v>
      </c>
      <c r="C7" s="126" t="s">
        <v>142</v>
      </c>
      <c r="D7" s="44" t="s">
        <v>91</v>
      </c>
    </row>
    <row r="8" spans="1:4">
      <c r="A8" s="45" t="s">
        <v>435</v>
      </c>
      <c r="B8" s="156">
        <v>9254</v>
      </c>
      <c r="C8" s="157">
        <v>4.63</v>
      </c>
      <c r="D8" s="86">
        <v>1.9599999999999999E-2</v>
      </c>
    </row>
    <row r="9" spans="1:4">
      <c r="A9" s="49" t="s">
        <v>436</v>
      </c>
      <c r="B9" s="49">
        <v>8632</v>
      </c>
      <c r="C9" s="159">
        <v>4.58</v>
      </c>
      <c r="D9" s="87">
        <v>3.9199999999999999E-2</v>
      </c>
    </row>
    <row r="10" spans="1:4">
      <c r="A10" s="45" t="s">
        <v>437</v>
      </c>
      <c r="B10" s="53">
        <v>811</v>
      </c>
      <c r="C10" s="157">
        <v>4.53</v>
      </c>
      <c r="D10" s="86">
        <v>9.8000000000000004E-2</v>
      </c>
    </row>
    <row r="11" spans="1:4">
      <c r="A11" s="49" t="s">
        <v>438</v>
      </c>
      <c r="B11" s="49">
        <v>950</v>
      </c>
      <c r="C11" s="159">
        <v>4.37</v>
      </c>
      <c r="D11" s="87">
        <v>9.8000000000000004E-2</v>
      </c>
    </row>
    <row r="12" spans="1:4">
      <c r="A12" s="45" t="s">
        <v>439</v>
      </c>
      <c r="B12" s="53">
        <v>890</v>
      </c>
      <c r="C12" s="157">
        <v>4.3099999999999996</v>
      </c>
      <c r="D12" s="86">
        <v>9.8000000000000004E-2</v>
      </c>
    </row>
    <row r="13" spans="1:4">
      <c r="A13" s="49" t="s">
        <v>444</v>
      </c>
      <c r="B13" s="49">
        <v>19</v>
      </c>
      <c r="C13" s="159">
        <v>4.5599999999999996</v>
      </c>
      <c r="D13" s="87">
        <v>0.86239999999999994</v>
      </c>
    </row>
    <row r="14" spans="1:4">
      <c r="A14" s="45" t="s">
        <v>445</v>
      </c>
      <c r="B14" s="53">
        <v>291</v>
      </c>
      <c r="C14" s="157">
        <v>4.6500000000000004</v>
      </c>
      <c r="D14" s="86">
        <v>0.15679999999999999</v>
      </c>
    </row>
    <row r="15" spans="1:4">
      <c r="A15" s="49" t="s">
        <v>440</v>
      </c>
      <c r="B15" s="49">
        <v>101</v>
      </c>
      <c r="C15" s="159">
        <v>4.53</v>
      </c>
      <c r="D15" s="87">
        <v>0.25480000000000003</v>
      </c>
    </row>
    <row r="16" spans="1:4">
      <c r="A16" s="45" t="s">
        <v>441</v>
      </c>
      <c r="B16" s="53">
        <v>95</v>
      </c>
      <c r="C16" s="157">
        <v>5.19</v>
      </c>
      <c r="D16" s="86">
        <v>0.27440000000000003</v>
      </c>
    </row>
    <row r="17" spans="1:29">
      <c r="A17" s="49" t="s">
        <v>442</v>
      </c>
      <c r="B17" s="49">
        <v>71</v>
      </c>
      <c r="C17" s="159">
        <v>4.41</v>
      </c>
      <c r="D17" s="87">
        <v>0.3528</v>
      </c>
    </row>
    <row r="18" spans="1:29">
      <c r="A18" s="45" t="s">
        <v>446</v>
      </c>
      <c r="B18" s="156">
        <v>97</v>
      </c>
      <c r="C18" s="157">
        <v>4.2699999999999996</v>
      </c>
      <c r="D18" s="86">
        <v>0.25480000000000003</v>
      </c>
    </row>
    <row r="19" spans="1:29">
      <c r="A19" s="49" t="s">
        <v>447</v>
      </c>
      <c r="B19" s="158">
        <v>103</v>
      </c>
      <c r="C19" s="159">
        <v>4.3600000000000003</v>
      </c>
      <c r="D19" s="87">
        <v>0.23519999999999999</v>
      </c>
    </row>
    <row r="20" spans="1:29" ht="25.5">
      <c r="A20" s="45" t="s">
        <v>448</v>
      </c>
      <c r="B20" s="83">
        <v>131</v>
      </c>
      <c r="C20" s="157">
        <v>4.09</v>
      </c>
      <c r="D20" s="86">
        <v>0.27440000000000003</v>
      </c>
    </row>
    <row r="21" spans="1:29">
      <c r="A21" s="49" t="s">
        <v>449</v>
      </c>
      <c r="B21" s="158">
        <v>76</v>
      </c>
      <c r="C21" s="159">
        <v>4.0599999999999996</v>
      </c>
      <c r="D21" s="87">
        <v>0.3332</v>
      </c>
    </row>
    <row r="22" spans="1:29">
      <c r="A22" s="57" t="s">
        <v>450</v>
      </c>
      <c r="B22" s="156">
        <v>110</v>
      </c>
      <c r="C22" s="157">
        <v>4.76</v>
      </c>
      <c r="D22" s="86">
        <v>0.31359999999999999</v>
      </c>
    </row>
    <row r="23" spans="1:29">
      <c r="A23" s="49" t="s">
        <v>443</v>
      </c>
      <c r="B23" s="158">
        <v>73</v>
      </c>
      <c r="C23" s="159">
        <v>5.01</v>
      </c>
      <c r="D23" s="87">
        <v>0.37240000000000001</v>
      </c>
    </row>
    <row r="24" spans="1:29">
      <c r="A24" s="57" t="s">
        <v>451</v>
      </c>
      <c r="B24" s="156">
        <v>124</v>
      </c>
      <c r="C24" s="157">
        <v>3.92</v>
      </c>
      <c r="D24" s="86">
        <v>0.27440000000000003</v>
      </c>
    </row>
    <row r="32" spans="1:29" ht="18.75">
      <c r="A32" s="324" t="s">
        <v>43</v>
      </c>
      <c r="B32" s="324"/>
      <c r="C32" s="324"/>
      <c r="D32" s="324"/>
      <c r="E32" s="324"/>
      <c r="F32" s="324"/>
      <c r="G32" s="324"/>
      <c r="H32" s="324"/>
      <c r="I32" s="324"/>
      <c r="J32" s="324"/>
      <c r="K32" s="324"/>
      <c r="L32" s="324"/>
      <c r="M32" s="324"/>
      <c r="N32" s="324"/>
      <c r="O32" s="324"/>
      <c r="P32" s="324"/>
      <c r="Q32" s="324"/>
      <c r="R32" s="324"/>
      <c r="S32" s="324"/>
      <c r="T32" s="226"/>
      <c r="U32" s="226"/>
      <c r="V32" s="226"/>
      <c r="W32" s="226"/>
      <c r="X32" s="226"/>
      <c r="Y32" s="226"/>
      <c r="Z32" s="226"/>
      <c r="AA32" s="226"/>
      <c r="AB32" s="226"/>
      <c r="AC32" s="226"/>
    </row>
    <row r="33" spans="1:29" ht="60.75" customHeight="1">
      <c r="A33" s="381" t="s">
        <v>379</v>
      </c>
      <c r="B33" s="381"/>
      <c r="C33" s="381"/>
      <c r="D33" s="381"/>
      <c r="E33" s="381"/>
      <c r="F33" s="381"/>
      <c r="G33" s="381"/>
      <c r="H33" s="381"/>
      <c r="I33" s="381"/>
      <c r="J33" s="381"/>
      <c r="K33" s="381"/>
      <c r="L33" s="381"/>
      <c r="M33" s="381"/>
      <c r="N33" s="381"/>
      <c r="O33" s="381"/>
      <c r="P33" s="381"/>
      <c r="Q33" s="381"/>
      <c r="R33" s="381"/>
      <c r="S33" s="381"/>
      <c r="T33" s="252"/>
      <c r="U33" s="252"/>
      <c r="V33" s="252"/>
      <c r="W33" s="252"/>
      <c r="X33" s="252"/>
      <c r="Y33" s="252"/>
      <c r="Z33" s="252"/>
      <c r="AA33" s="252"/>
      <c r="AB33" s="252"/>
      <c r="AC33" s="252"/>
    </row>
    <row r="34" spans="1:29" ht="33.75" customHeight="1">
      <c r="A34" s="64"/>
      <c r="B34" s="376" t="s">
        <v>143</v>
      </c>
      <c r="C34" s="377"/>
      <c r="D34" s="377"/>
      <c r="E34" s="377"/>
      <c r="F34" s="377"/>
      <c r="G34" s="377"/>
      <c r="H34" s="377"/>
      <c r="I34" s="377"/>
      <c r="J34" s="378"/>
      <c r="K34" s="379" t="s">
        <v>144</v>
      </c>
      <c r="L34" s="380"/>
      <c r="M34" s="380"/>
      <c r="N34" s="380"/>
      <c r="O34" s="380"/>
      <c r="P34" s="380"/>
      <c r="Q34" s="380"/>
      <c r="R34" s="380"/>
      <c r="S34" s="380"/>
    </row>
    <row r="35" spans="1:29" ht="41.25" customHeight="1">
      <c r="A35" s="37" t="s">
        <v>85</v>
      </c>
      <c r="B35" s="38" t="s">
        <v>86</v>
      </c>
      <c r="C35" s="38" t="s">
        <v>178</v>
      </c>
      <c r="D35" s="89" t="s">
        <v>101</v>
      </c>
      <c r="E35" s="38" t="s">
        <v>179</v>
      </c>
      <c r="F35" s="89" t="s">
        <v>102</v>
      </c>
      <c r="G35" s="38" t="s">
        <v>180</v>
      </c>
      <c r="H35" s="89" t="s">
        <v>103</v>
      </c>
      <c r="I35" s="38" t="s">
        <v>356</v>
      </c>
      <c r="J35" s="89" t="s">
        <v>355</v>
      </c>
      <c r="K35" s="65" t="s">
        <v>86</v>
      </c>
      <c r="L35" s="65" t="s">
        <v>178</v>
      </c>
      <c r="M35" s="88" t="s">
        <v>101</v>
      </c>
      <c r="N35" s="65" t="s">
        <v>179</v>
      </c>
      <c r="O35" s="88" t="s">
        <v>102</v>
      </c>
      <c r="P35" s="65" t="s">
        <v>180</v>
      </c>
      <c r="Q35" s="88" t="s">
        <v>103</v>
      </c>
      <c r="R35" s="65" t="s">
        <v>356</v>
      </c>
      <c r="S35" s="88" t="s">
        <v>355</v>
      </c>
    </row>
    <row r="36" spans="1:29" ht="77.25" customHeight="1">
      <c r="A36" s="41"/>
      <c r="B36" s="42" t="s">
        <v>89</v>
      </c>
      <c r="C36" s="42" t="s">
        <v>181</v>
      </c>
      <c r="D36" s="91" t="s">
        <v>145</v>
      </c>
      <c r="E36" s="42" t="s">
        <v>182</v>
      </c>
      <c r="F36" s="91" t="s">
        <v>146</v>
      </c>
      <c r="G36" s="42" t="s">
        <v>183</v>
      </c>
      <c r="H36" s="91" t="s">
        <v>147</v>
      </c>
      <c r="I36" s="42" t="s">
        <v>356</v>
      </c>
      <c r="J36" s="91" t="s">
        <v>104</v>
      </c>
      <c r="K36" s="68" t="s">
        <v>89</v>
      </c>
      <c r="L36" s="68" t="s">
        <v>181</v>
      </c>
      <c r="M36" s="90" t="s">
        <v>145</v>
      </c>
      <c r="N36" s="68" t="s">
        <v>182</v>
      </c>
      <c r="O36" s="90" t="s">
        <v>146</v>
      </c>
      <c r="P36" s="68" t="s">
        <v>183</v>
      </c>
      <c r="Q36" s="90" t="s">
        <v>147</v>
      </c>
      <c r="R36" s="68" t="s">
        <v>356</v>
      </c>
      <c r="S36" s="90" t="s">
        <v>104</v>
      </c>
    </row>
    <row r="37" spans="1:29">
      <c r="A37" s="45" t="s">
        <v>435</v>
      </c>
      <c r="B37" s="156">
        <v>9361</v>
      </c>
      <c r="C37" s="160">
        <v>0.26700000000000002</v>
      </c>
      <c r="D37" s="94">
        <v>9.1439777660970185E-3</v>
      </c>
      <c r="E37" s="160">
        <v>0.19500000000000001</v>
      </c>
      <c r="F37" s="94">
        <v>8.1903267237955959E-3</v>
      </c>
      <c r="G37" s="160">
        <v>0.47699999999999998</v>
      </c>
      <c r="H37" s="94">
        <v>1.0322538991586489E-2</v>
      </c>
      <c r="I37" s="93">
        <v>0.06</v>
      </c>
      <c r="J37" s="94">
        <v>4.9153147216839535E-3</v>
      </c>
      <c r="K37" s="156">
        <v>9393</v>
      </c>
      <c r="L37" s="160">
        <v>0.192</v>
      </c>
      <c r="M37" s="94">
        <v>8.128392502322843E-3</v>
      </c>
      <c r="N37" s="160">
        <v>0.126</v>
      </c>
      <c r="O37" s="94">
        <v>6.8503222862829711E-3</v>
      </c>
      <c r="P37" s="160">
        <v>0.61599999999999999</v>
      </c>
      <c r="Q37" s="94">
        <v>1.0034641565253173E-2</v>
      </c>
      <c r="R37" s="93">
        <v>6.6000000000000003E-2</v>
      </c>
      <c r="S37" s="94">
        <v>5.129142896626142E-3</v>
      </c>
    </row>
    <row r="38" spans="1:29">
      <c r="A38" s="49" t="s">
        <v>436</v>
      </c>
      <c r="B38" s="158">
        <v>8720</v>
      </c>
      <c r="C38" s="161">
        <v>0.27600000000000002</v>
      </c>
      <c r="D38" s="97">
        <v>9.5729540637198435E-3</v>
      </c>
      <c r="E38" s="161">
        <v>0.191</v>
      </c>
      <c r="F38" s="97">
        <v>8.4194959724816446E-3</v>
      </c>
      <c r="G38" s="161">
        <v>0.48</v>
      </c>
      <c r="H38" s="97">
        <v>1.0697807449970632E-2</v>
      </c>
      <c r="I38" s="96">
        <v>5.2999999999999999E-2</v>
      </c>
      <c r="J38" s="97">
        <v>4.8059160849244272E-3</v>
      </c>
      <c r="K38" s="158">
        <v>8750</v>
      </c>
      <c r="L38" s="161">
        <v>0.21</v>
      </c>
      <c r="M38" s="97">
        <v>8.7086426241989815E-3</v>
      </c>
      <c r="N38" s="161">
        <v>0.125</v>
      </c>
      <c r="O38" s="97">
        <v>7.0736031620931405E-3</v>
      </c>
      <c r="P38" s="161">
        <v>0.60299999999999998</v>
      </c>
      <c r="Q38" s="97">
        <v>1.0458982254780031E-2</v>
      </c>
      <c r="R38" s="96">
        <v>6.0999999999999999E-2</v>
      </c>
      <c r="S38" s="97">
        <v>5.1237855705285737E-3</v>
      </c>
    </row>
    <row r="39" spans="1:29">
      <c r="A39" s="45" t="s">
        <v>437</v>
      </c>
      <c r="B39" s="156">
        <v>836</v>
      </c>
      <c r="C39" s="160">
        <v>0.22600000000000001</v>
      </c>
      <c r="D39" s="94">
        <v>2.8920029895277095E-2</v>
      </c>
      <c r="E39" s="160">
        <v>0.18540000000000001</v>
      </c>
      <c r="F39" s="94">
        <v>2.6900805195460772E-2</v>
      </c>
      <c r="G39" s="160">
        <v>0.4914</v>
      </c>
      <c r="H39" s="94">
        <v>3.4498222363026659E-2</v>
      </c>
      <c r="I39" s="93">
        <v>9.7199999999999995E-2</v>
      </c>
      <c r="J39" s="94">
        <v>2.0620574380535005E-2</v>
      </c>
      <c r="K39" s="156">
        <v>840</v>
      </c>
      <c r="L39" s="160">
        <v>0.2414</v>
      </c>
      <c r="M39" s="94">
        <v>2.9510895595845101E-2</v>
      </c>
      <c r="N39" s="160">
        <v>0.152</v>
      </c>
      <c r="O39" s="94">
        <v>2.4825570163193846E-2</v>
      </c>
      <c r="P39" s="160">
        <v>0.50119999999999998</v>
      </c>
      <c r="Q39" s="94">
        <v>3.4421321344676507E-2</v>
      </c>
      <c r="R39" s="93">
        <v>0.10539999999999999</v>
      </c>
      <c r="S39" s="94">
        <v>2.1303856622659864E-2</v>
      </c>
    </row>
    <row r="40" spans="1:29">
      <c r="A40" s="49" t="s">
        <v>438</v>
      </c>
      <c r="B40" s="158">
        <v>963</v>
      </c>
      <c r="C40" s="161">
        <v>0.29099999999999998</v>
      </c>
      <c r="D40" s="97">
        <v>2.9239207143277168E-2</v>
      </c>
      <c r="E40" s="161">
        <v>0.187</v>
      </c>
      <c r="F40" s="97">
        <v>2.5144037772516198E-2</v>
      </c>
      <c r="G40" s="161">
        <v>0.47599999999999998</v>
      </c>
      <c r="H40" s="97">
        <v>3.2121071081703381E-2</v>
      </c>
      <c r="I40" s="96">
        <v>4.5999999999999999E-2</v>
      </c>
      <c r="J40" s="97">
        <v>1.3731909833924102E-2</v>
      </c>
      <c r="K40" s="158">
        <v>962</v>
      </c>
      <c r="L40" s="161">
        <v>0.28499999999999998</v>
      </c>
      <c r="M40" s="97">
        <v>2.9075259178508197E-2</v>
      </c>
      <c r="N40" s="161">
        <v>0.14499999999999999</v>
      </c>
      <c r="O40" s="97">
        <v>2.2752291487996693E-2</v>
      </c>
      <c r="P40" s="161">
        <v>0.495</v>
      </c>
      <c r="Q40" s="97">
        <v>3.2172877136380708E-2</v>
      </c>
      <c r="R40" s="96">
        <v>7.4999999999999997E-2</v>
      </c>
      <c r="S40" s="97">
        <v>1.7130332473938869E-2</v>
      </c>
    </row>
    <row r="41" spans="1:29">
      <c r="A41" s="45" t="s">
        <v>439</v>
      </c>
      <c r="B41" s="156">
        <v>901</v>
      </c>
      <c r="C41" s="160">
        <v>0.29599999999999999</v>
      </c>
      <c r="D41" s="94">
        <v>3.0375263507988911E-2</v>
      </c>
      <c r="E41" s="160">
        <v>0.191</v>
      </c>
      <c r="F41" s="94">
        <v>2.6204564207687929E-2</v>
      </c>
      <c r="G41" s="160">
        <v>0.47699999999999998</v>
      </c>
      <c r="H41" s="94">
        <v>3.3206247558934081E-2</v>
      </c>
      <c r="I41" s="93">
        <v>3.6999999999999998E-2</v>
      </c>
      <c r="J41" s="94">
        <v>1.2877971563360509E-2</v>
      </c>
      <c r="K41" s="156">
        <v>900</v>
      </c>
      <c r="L41" s="160">
        <v>0.30399999999999999</v>
      </c>
      <c r="M41" s="94">
        <v>3.0622105242831949E-2</v>
      </c>
      <c r="N41" s="160">
        <v>0.14000000000000001</v>
      </c>
      <c r="O41" s="94">
        <v>2.3190664628843474E-2</v>
      </c>
      <c r="P41" s="160">
        <v>0.48699999999999999</v>
      </c>
      <c r="Q41" s="94">
        <v>3.3248360946122699E-2</v>
      </c>
      <c r="R41" s="93">
        <v>6.9000000000000006E-2</v>
      </c>
      <c r="S41" s="94">
        <v>1.70734055089478E-2</v>
      </c>
    </row>
    <row r="42" spans="1:29">
      <c r="A42" s="49" t="s">
        <v>444</v>
      </c>
      <c r="B42" s="158">
        <v>20</v>
      </c>
      <c r="C42" s="161">
        <v>0.25</v>
      </c>
      <c r="D42" s="97">
        <v>0.18556096133176928</v>
      </c>
      <c r="E42" s="161">
        <v>0.123</v>
      </c>
      <c r="F42" s="97">
        <v>0.15879720062370722</v>
      </c>
      <c r="G42" s="161">
        <v>0.504</v>
      </c>
      <c r="H42" s="97">
        <v>0.2041196090894131</v>
      </c>
      <c r="I42" s="96">
        <v>0.123</v>
      </c>
      <c r="J42" s="97">
        <v>0.15879720062370722</v>
      </c>
      <c r="K42" s="158">
        <v>20</v>
      </c>
      <c r="L42" s="161">
        <v>0.311</v>
      </c>
      <c r="M42" s="97">
        <v>0.19373252609375294</v>
      </c>
      <c r="N42" s="161">
        <v>6.2E-2</v>
      </c>
      <c r="O42" s="97">
        <v>0.13950806428303705</v>
      </c>
      <c r="P42" s="161">
        <v>0.443</v>
      </c>
      <c r="Q42" s="97">
        <v>0.20320094734031138</v>
      </c>
      <c r="R42" s="96">
        <v>0.185</v>
      </c>
      <c r="S42" s="97">
        <v>0.17373051449491153</v>
      </c>
    </row>
    <row r="43" spans="1:29">
      <c r="A43" s="45" t="s">
        <v>445</v>
      </c>
      <c r="B43" s="156">
        <v>292</v>
      </c>
      <c r="C43" s="160">
        <v>0.248</v>
      </c>
      <c r="D43" s="94">
        <v>5.0430675930851418E-2</v>
      </c>
      <c r="E43" s="160">
        <v>0.20899999999999999</v>
      </c>
      <c r="F43" s="94">
        <v>4.7589490614034141E-2</v>
      </c>
      <c r="G43" s="160">
        <v>0.51</v>
      </c>
      <c r="H43" s="94">
        <v>5.8112505566869442E-2</v>
      </c>
      <c r="I43" s="93">
        <v>3.2000000000000001E-2</v>
      </c>
      <c r="J43" s="94">
        <v>2.2316994642130227E-2</v>
      </c>
      <c r="K43" s="156">
        <v>292</v>
      </c>
      <c r="L43" s="160">
        <v>0.23200000000000001</v>
      </c>
      <c r="M43" s="94">
        <v>4.9333952050755095E-2</v>
      </c>
      <c r="N43" s="160">
        <v>0.105</v>
      </c>
      <c r="O43" s="94">
        <v>3.6421592826811011E-2</v>
      </c>
      <c r="P43" s="160">
        <v>0.58299999999999996</v>
      </c>
      <c r="Q43" s="94">
        <v>5.7339191252006254E-2</v>
      </c>
      <c r="R43" s="93">
        <v>0.08</v>
      </c>
      <c r="S43" s="94">
        <v>3.2535916593153635E-2</v>
      </c>
    </row>
    <row r="44" spans="1:29">
      <c r="A44" s="49" t="s">
        <v>440</v>
      </c>
      <c r="B44" s="158">
        <v>101</v>
      </c>
      <c r="C44" s="161">
        <v>0.29099999999999998</v>
      </c>
      <c r="D44" s="97">
        <v>8.9354016993516638E-2</v>
      </c>
      <c r="E44" s="161">
        <v>0.249</v>
      </c>
      <c r="F44" s="97">
        <v>8.5458460233261965E-2</v>
      </c>
      <c r="G44" s="161">
        <v>0.42399999999999999</v>
      </c>
      <c r="H44" s="97">
        <v>9.6541270481414532E-2</v>
      </c>
      <c r="I44" s="96">
        <v>3.5000000000000003E-2</v>
      </c>
      <c r="J44" s="97">
        <v>4.3615414398786155E-2</v>
      </c>
      <c r="K44" s="158">
        <v>101</v>
      </c>
      <c r="L44" s="161">
        <v>0.247</v>
      </c>
      <c r="M44" s="97">
        <v>8.5250327928017816E-2</v>
      </c>
      <c r="N44" s="161">
        <v>0.11799999999999999</v>
      </c>
      <c r="O44" s="97">
        <v>6.6183654220297025E-2</v>
      </c>
      <c r="P44" s="161">
        <v>0.60299999999999998</v>
      </c>
      <c r="Q44" s="97">
        <v>9.5654917177414978E-2</v>
      </c>
      <c r="R44" s="96">
        <v>3.2000000000000001E-2</v>
      </c>
      <c r="S44" s="97">
        <v>4.246934351941261E-2</v>
      </c>
    </row>
    <row r="45" spans="1:29">
      <c r="A45" s="45" t="s">
        <v>441</v>
      </c>
      <c r="B45" s="156">
        <v>95</v>
      </c>
      <c r="C45" s="160">
        <v>0.16700000000000001</v>
      </c>
      <c r="D45" s="94">
        <v>7.7300594553710425E-2</v>
      </c>
      <c r="E45" s="160">
        <v>0.161</v>
      </c>
      <c r="F45" s="94">
        <v>7.6324119723335498E-2</v>
      </c>
      <c r="G45" s="160">
        <v>0.63500000000000001</v>
      </c>
      <c r="H45" s="94">
        <v>9.7071872822133323E-2</v>
      </c>
      <c r="I45" s="93">
        <v>3.5999999999999997E-2</v>
      </c>
      <c r="J45" s="94">
        <v>4.5726542810759448E-2</v>
      </c>
      <c r="K45" s="156">
        <v>95</v>
      </c>
      <c r="L45" s="160">
        <v>7.8E-2</v>
      </c>
      <c r="M45" s="94">
        <v>5.8952439841268169E-2</v>
      </c>
      <c r="N45" s="160">
        <v>0.108</v>
      </c>
      <c r="O45" s="94">
        <v>6.6211305002763135E-2</v>
      </c>
      <c r="P45" s="160">
        <v>0.72099999999999997</v>
      </c>
      <c r="Q45" s="94">
        <v>9.1015819515743737E-2</v>
      </c>
      <c r="R45" s="93">
        <v>9.2999999999999999E-2</v>
      </c>
      <c r="S45" s="94">
        <v>6.2753762179364972E-2</v>
      </c>
    </row>
    <row r="46" spans="1:29">
      <c r="A46" s="49" t="s">
        <v>442</v>
      </c>
      <c r="B46" s="158">
        <v>72</v>
      </c>
      <c r="C46" s="161">
        <v>0.34799999999999998</v>
      </c>
      <c r="D46" s="97">
        <v>0.10984774151428638</v>
      </c>
      <c r="E46" s="161">
        <v>0.16400000000000001</v>
      </c>
      <c r="F46" s="97">
        <v>8.8459047370355495E-2</v>
      </c>
      <c r="G46" s="161">
        <v>0.45400000000000001</v>
      </c>
      <c r="H46" s="97">
        <v>0.11427134727348721</v>
      </c>
      <c r="I46" s="96">
        <v>3.4000000000000002E-2</v>
      </c>
      <c r="J46" s="97">
        <v>5.3852129972821967E-2</v>
      </c>
      <c r="K46" s="158">
        <v>72</v>
      </c>
      <c r="L46" s="161">
        <v>0.253</v>
      </c>
      <c r="M46" s="97">
        <v>0.1013706071797935</v>
      </c>
      <c r="N46" s="161">
        <v>0.108</v>
      </c>
      <c r="O46" s="97">
        <v>7.6806488159624195E-2</v>
      </c>
      <c r="P46" s="161">
        <v>0.53400000000000003</v>
      </c>
      <c r="Q46" s="97">
        <v>0.11446959651376518</v>
      </c>
      <c r="R46" s="96">
        <v>0.105</v>
      </c>
      <c r="S46" s="97">
        <v>7.6076997697436644E-2</v>
      </c>
    </row>
    <row r="47" spans="1:29">
      <c r="A47" s="45" t="s">
        <v>446</v>
      </c>
      <c r="B47" s="156">
        <v>99</v>
      </c>
      <c r="C47" s="160">
        <v>0.29899999999999999</v>
      </c>
      <c r="D47" s="94">
        <v>9.0880485016792759E-2</v>
      </c>
      <c r="E47" s="160">
        <v>0.22900000000000001</v>
      </c>
      <c r="F47" s="94">
        <v>8.4106357780519073E-2</v>
      </c>
      <c r="G47" s="160">
        <v>0.42499999999999999</v>
      </c>
      <c r="H47" s="94">
        <v>9.7503479617411404E-2</v>
      </c>
      <c r="I47" s="93">
        <v>4.8000000000000001E-2</v>
      </c>
      <c r="J47" s="94">
        <v>4.8773759482224191E-2</v>
      </c>
      <c r="K47" s="156">
        <v>98</v>
      </c>
      <c r="L47" s="160">
        <v>0.29299999999999998</v>
      </c>
      <c r="M47" s="94">
        <v>9.0844795395953193E-2</v>
      </c>
      <c r="N47" s="160">
        <v>0.17899999999999999</v>
      </c>
      <c r="O47" s="94">
        <v>7.793465925615306E-2</v>
      </c>
      <c r="P47" s="160">
        <v>0.497</v>
      </c>
      <c r="Q47" s="94">
        <v>9.9013109063064042E-2</v>
      </c>
      <c r="R47" s="93">
        <v>3.1E-2</v>
      </c>
      <c r="S47" s="94">
        <v>4.2910107453766271E-2</v>
      </c>
    </row>
    <row r="48" spans="1:29">
      <c r="A48" s="49" t="s">
        <v>447</v>
      </c>
      <c r="B48" s="158">
        <v>105</v>
      </c>
      <c r="C48" s="161">
        <v>0.23799999999999999</v>
      </c>
      <c r="D48" s="97">
        <v>8.2684688950804303E-2</v>
      </c>
      <c r="E48" s="161">
        <v>0.23799999999999999</v>
      </c>
      <c r="F48" s="97">
        <v>8.2684688950804303E-2</v>
      </c>
      <c r="G48" s="161">
        <v>0.46100000000000002</v>
      </c>
      <c r="H48" s="97">
        <v>9.5511867693384475E-2</v>
      </c>
      <c r="I48" s="96">
        <v>6.3E-2</v>
      </c>
      <c r="J48" s="97">
        <v>5.1683545812364166E-2</v>
      </c>
      <c r="K48" s="158">
        <v>105</v>
      </c>
      <c r="L48" s="161">
        <v>0.26800000000000002</v>
      </c>
      <c r="M48" s="97">
        <v>8.5682130963736711E-2</v>
      </c>
      <c r="N48" s="161">
        <v>0.255</v>
      </c>
      <c r="O48" s="97">
        <v>8.4440885275304647E-2</v>
      </c>
      <c r="P48" s="161">
        <v>0.433</v>
      </c>
      <c r="Q48" s="97">
        <v>9.4981296586188813E-2</v>
      </c>
      <c r="R48" s="96">
        <v>4.4999999999999998E-2</v>
      </c>
      <c r="S48" s="97">
        <v>4.6091531325019995E-2</v>
      </c>
    </row>
    <row r="49" spans="1:19" ht="25.5">
      <c r="A49" s="45" t="s">
        <v>448</v>
      </c>
      <c r="B49" s="156">
        <v>132</v>
      </c>
      <c r="C49" s="160">
        <v>0.36699999999999999</v>
      </c>
      <c r="D49" s="94">
        <v>8.2842200724284609E-2</v>
      </c>
      <c r="E49" s="160">
        <v>0.14599999999999999</v>
      </c>
      <c r="F49" s="94">
        <v>6.2296049484668735E-2</v>
      </c>
      <c r="G49" s="160">
        <v>0.46100000000000002</v>
      </c>
      <c r="H49" s="94">
        <v>8.5503208547345763E-2</v>
      </c>
      <c r="I49" s="93">
        <v>2.5000000000000001E-2</v>
      </c>
      <c r="J49" s="94">
        <v>3.3189244132917378E-2</v>
      </c>
      <c r="K49" s="156">
        <v>132</v>
      </c>
      <c r="L49" s="160">
        <v>0.313</v>
      </c>
      <c r="M49" s="94">
        <v>7.990025951514948E-2</v>
      </c>
      <c r="N49" s="160">
        <v>0.121</v>
      </c>
      <c r="O49" s="94">
        <v>5.8078094905713473E-2</v>
      </c>
      <c r="P49" s="160">
        <v>0.46800000000000003</v>
      </c>
      <c r="Q49" s="94">
        <v>8.5583696475330151E-2</v>
      </c>
      <c r="R49" s="93">
        <v>9.8000000000000004E-2</v>
      </c>
      <c r="S49" s="94">
        <v>5.3622405819414694E-2</v>
      </c>
    </row>
    <row r="50" spans="1:19">
      <c r="A50" s="49" t="s">
        <v>449</v>
      </c>
      <c r="B50" s="158">
        <v>77</v>
      </c>
      <c r="C50" s="161">
        <v>0.312</v>
      </c>
      <c r="D50" s="97">
        <v>0.10377101422000569</v>
      </c>
      <c r="E50" s="161">
        <v>0.26</v>
      </c>
      <c r="F50" s="97">
        <v>9.8869766564766356E-2</v>
      </c>
      <c r="G50" s="161">
        <v>0.36699999999999999</v>
      </c>
      <c r="H50" s="97">
        <v>0.10750019796749341</v>
      </c>
      <c r="I50" s="96">
        <v>0.06</v>
      </c>
      <c r="J50" s="97">
        <v>6.0877884042965576E-2</v>
      </c>
      <c r="K50" s="158">
        <v>77</v>
      </c>
      <c r="L50" s="161">
        <v>0.40699999999999997</v>
      </c>
      <c r="M50" s="97">
        <v>0.10936045966910103</v>
      </c>
      <c r="N50" s="161">
        <v>0.16400000000000001</v>
      </c>
      <c r="O50" s="97">
        <v>8.5484503856945157E-2</v>
      </c>
      <c r="P50" s="161">
        <v>0.314</v>
      </c>
      <c r="Q50" s="97">
        <v>0.10393172527727636</v>
      </c>
      <c r="R50" s="96">
        <v>0.11600000000000001</v>
      </c>
      <c r="S50" s="97">
        <v>7.5929779642795611E-2</v>
      </c>
    </row>
    <row r="51" spans="1:19">
      <c r="A51" s="57" t="s">
        <v>450</v>
      </c>
      <c r="B51" s="156">
        <v>112</v>
      </c>
      <c r="C51" s="160">
        <v>0.22600000000000001</v>
      </c>
      <c r="D51" s="94">
        <v>7.8786570108776183E-2</v>
      </c>
      <c r="E51" s="160">
        <v>0.106</v>
      </c>
      <c r="F51" s="94">
        <v>6.0253872680416334E-2</v>
      </c>
      <c r="G51" s="160">
        <v>0.60699999999999998</v>
      </c>
      <c r="H51" s="94">
        <v>9.0844120499709274E-2</v>
      </c>
      <c r="I51" s="93">
        <v>6.0999999999999999E-2</v>
      </c>
      <c r="J51" s="94">
        <v>4.9249871868298621E-2</v>
      </c>
      <c r="K51" s="156">
        <v>112</v>
      </c>
      <c r="L51" s="160">
        <v>0.22900000000000001</v>
      </c>
      <c r="M51" s="94">
        <v>7.9119414494605869E-2</v>
      </c>
      <c r="N51" s="160">
        <v>0.16200000000000001</v>
      </c>
      <c r="O51" s="94">
        <v>7.0343750428907656E-2</v>
      </c>
      <c r="P51" s="160">
        <v>0.55300000000000005</v>
      </c>
      <c r="Q51" s="94">
        <v>9.23601242637766E-2</v>
      </c>
      <c r="R51" s="93">
        <v>5.6000000000000001E-2</v>
      </c>
      <c r="S51" s="94">
        <v>4.7787308785606761E-2</v>
      </c>
    </row>
    <row r="52" spans="1:19">
      <c r="A52" s="49" t="s">
        <v>443</v>
      </c>
      <c r="B52" s="158">
        <v>73</v>
      </c>
      <c r="C52" s="161">
        <v>0.17</v>
      </c>
      <c r="D52" s="97">
        <v>8.8895212838623491E-2</v>
      </c>
      <c r="E52" s="161">
        <v>8.3000000000000004E-2</v>
      </c>
      <c r="F52" s="97">
        <v>6.9770731309031095E-2</v>
      </c>
      <c r="G52" s="161">
        <v>0.71899999999999997</v>
      </c>
      <c r="H52" s="97">
        <v>0.10367094133293829</v>
      </c>
      <c r="I52" s="96">
        <v>2.8000000000000001E-2</v>
      </c>
      <c r="J52" s="97">
        <v>5.0842861908394522E-2</v>
      </c>
      <c r="K52" s="158">
        <v>73</v>
      </c>
      <c r="L52" s="161">
        <v>0.17499999999999999</v>
      </c>
      <c r="M52" s="97">
        <v>8.9751167221245348E-2</v>
      </c>
      <c r="N52" s="161">
        <v>0.152</v>
      </c>
      <c r="O52" s="97">
        <v>8.5630260005149603E-2</v>
      </c>
      <c r="P52" s="161">
        <v>0.63600000000000001</v>
      </c>
      <c r="Q52" s="97">
        <v>0.11010638280334104</v>
      </c>
      <c r="R52" s="96">
        <v>3.6999999999999998E-2</v>
      </c>
      <c r="S52" s="97">
        <v>5.4570153914335826E-2</v>
      </c>
    </row>
    <row r="53" spans="1:19">
      <c r="A53" s="57" t="s">
        <v>451</v>
      </c>
      <c r="B53" s="156">
        <v>127</v>
      </c>
      <c r="C53" s="160">
        <v>0.39</v>
      </c>
      <c r="D53" s="94">
        <v>8.5360063584087389E-2</v>
      </c>
      <c r="E53" s="160">
        <v>0.188</v>
      </c>
      <c r="F53" s="94">
        <v>6.9570089521136289E-2</v>
      </c>
      <c r="G53" s="160">
        <v>0.379</v>
      </c>
      <c r="H53" s="94">
        <v>8.4931846297673419E-2</v>
      </c>
      <c r="I53" s="93">
        <v>4.2000000000000003E-2</v>
      </c>
      <c r="J53" s="94">
        <v>4.0171556727662615E-2</v>
      </c>
      <c r="K53" s="156">
        <v>127</v>
      </c>
      <c r="L53" s="160">
        <v>0.35799999999999998</v>
      </c>
      <c r="M53" s="94">
        <v>8.3993563816700631E-2</v>
      </c>
      <c r="N53" s="160">
        <v>0.13600000000000001</v>
      </c>
      <c r="O53" s="94">
        <v>6.1896694675167549E-2</v>
      </c>
      <c r="P53" s="160">
        <v>0.436</v>
      </c>
      <c r="Q53" s="94">
        <v>8.6695099399770562E-2</v>
      </c>
      <c r="R53" s="93">
        <v>7.0999999999999994E-2</v>
      </c>
      <c r="S53" s="94">
        <v>4.8496967730057475E-2</v>
      </c>
    </row>
    <row r="61" spans="1:19" ht="18.75">
      <c r="A61" s="324" t="s">
        <v>262</v>
      </c>
      <c r="B61" s="324"/>
      <c r="C61" s="324"/>
      <c r="D61" s="324"/>
      <c r="E61" s="324"/>
      <c r="F61" s="324"/>
      <c r="G61" s="324"/>
      <c r="H61" s="324"/>
      <c r="I61" s="324"/>
      <c r="J61" s="324"/>
      <c r="K61" s="324"/>
      <c r="L61" s="324"/>
    </row>
    <row r="62" spans="1:19" ht="69" customHeight="1">
      <c r="A62" s="381" t="s">
        <v>377</v>
      </c>
      <c r="B62" s="381"/>
      <c r="C62" s="381"/>
      <c r="D62" s="381"/>
      <c r="E62" s="381"/>
      <c r="F62" s="381"/>
      <c r="G62" s="381"/>
      <c r="H62" s="381"/>
      <c r="I62" s="381"/>
      <c r="J62" s="381"/>
      <c r="K62" s="381"/>
      <c r="L62" s="381"/>
    </row>
    <row r="63" spans="1:19" ht="46.5" customHeight="1">
      <c r="A63" s="379" t="s">
        <v>263</v>
      </c>
      <c r="B63" s="380"/>
      <c r="C63" s="380"/>
      <c r="D63" s="380"/>
      <c r="E63" s="380"/>
      <c r="F63" s="380"/>
      <c r="G63" s="380"/>
      <c r="H63" s="380"/>
      <c r="I63" s="380"/>
      <c r="J63" s="380"/>
      <c r="K63" s="380"/>
      <c r="L63" s="380"/>
    </row>
    <row r="64" spans="1:19" ht="72">
      <c r="A64" s="37" t="s">
        <v>85</v>
      </c>
      <c r="B64" s="38" t="s">
        <v>86</v>
      </c>
      <c r="C64" s="39" t="s">
        <v>87</v>
      </c>
      <c r="D64" s="40" t="s">
        <v>88</v>
      </c>
      <c r="E64" s="38" t="s">
        <v>178</v>
      </c>
      <c r="F64" s="89" t="s">
        <v>101</v>
      </c>
      <c r="G64" s="38" t="s">
        <v>179</v>
      </c>
      <c r="H64" s="89" t="s">
        <v>102</v>
      </c>
      <c r="I64" s="38" t="s">
        <v>180</v>
      </c>
      <c r="J64" s="89" t="s">
        <v>103</v>
      </c>
      <c r="K64" s="38" t="s">
        <v>356</v>
      </c>
      <c r="L64" s="89" t="s">
        <v>355</v>
      </c>
    </row>
    <row r="65" spans="1:12" ht="84">
      <c r="A65" s="41"/>
      <c r="B65" s="42" t="s">
        <v>89</v>
      </c>
      <c r="C65" s="126" t="s">
        <v>360</v>
      </c>
      <c r="D65" s="44" t="s">
        <v>91</v>
      </c>
      <c r="E65" s="42" t="s">
        <v>181</v>
      </c>
      <c r="F65" s="91" t="s">
        <v>145</v>
      </c>
      <c r="G65" s="42" t="s">
        <v>182</v>
      </c>
      <c r="H65" s="91" t="s">
        <v>146</v>
      </c>
      <c r="I65" s="42" t="s">
        <v>183</v>
      </c>
      <c r="J65" s="91" t="s">
        <v>147</v>
      </c>
      <c r="K65" s="42" t="s">
        <v>356</v>
      </c>
      <c r="L65" s="91" t="s">
        <v>104</v>
      </c>
    </row>
    <row r="66" spans="1:12">
      <c r="A66" s="45" t="s">
        <v>435</v>
      </c>
      <c r="B66" s="156">
        <v>9321</v>
      </c>
      <c r="C66" s="157">
        <v>3.68</v>
      </c>
      <c r="D66" s="86">
        <v>3.9199999999999999E-2</v>
      </c>
      <c r="E66" s="160">
        <v>0.47899999999999998</v>
      </c>
      <c r="F66" s="94">
        <v>1.034647762536532E-2</v>
      </c>
      <c r="G66" s="160">
        <v>0.156</v>
      </c>
      <c r="H66" s="94">
        <v>7.5180711612020104E-3</v>
      </c>
      <c r="I66" s="160">
        <v>0.33800000000000002</v>
      </c>
      <c r="J66" s="94">
        <v>9.7974885468451196E-3</v>
      </c>
      <c r="K66" s="93">
        <v>2.7E-2</v>
      </c>
      <c r="L66" s="94">
        <v>3.3691804826515991E-3</v>
      </c>
    </row>
    <row r="67" spans="1:12">
      <c r="A67" s="49" t="s">
        <v>436</v>
      </c>
      <c r="B67" s="49">
        <v>8681</v>
      </c>
      <c r="C67" s="159">
        <v>3.67</v>
      </c>
      <c r="D67" s="87">
        <v>3.9199999999999999E-2</v>
      </c>
      <c r="E67" s="161">
        <v>0.47599999999999998</v>
      </c>
      <c r="F67" s="97">
        <v>1.0718022537515422E-2</v>
      </c>
      <c r="G67" s="161">
        <v>0.161</v>
      </c>
      <c r="H67" s="97">
        <v>7.890582556962648E-3</v>
      </c>
      <c r="I67" s="161">
        <v>0.33600000000000002</v>
      </c>
      <c r="J67" s="97">
        <v>1.0137313302674035E-2</v>
      </c>
      <c r="K67" s="96">
        <v>2.5999999999999999E-2</v>
      </c>
      <c r="L67" s="97">
        <v>3.4290847017341246E-3</v>
      </c>
    </row>
    <row r="68" spans="1:12">
      <c r="A68" s="45" t="s">
        <v>437</v>
      </c>
      <c r="B68" s="53">
        <v>835</v>
      </c>
      <c r="C68" s="157">
        <v>3.18</v>
      </c>
      <c r="D68" s="86">
        <v>0.13720000000000002</v>
      </c>
      <c r="E68" s="160">
        <v>0.58130000000000004</v>
      </c>
      <c r="F68" s="94">
        <v>3.4068792791810305E-2</v>
      </c>
      <c r="G68" s="160">
        <v>0.17349999999999999</v>
      </c>
      <c r="H68" s="94">
        <v>2.6239185552017152E-2</v>
      </c>
      <c r="I68" s="160">
        <v>0.22140000000000001</v>
      </c>
      <c r="J68" s="94">
        <v>2.8729171902674194E-2</v>
      </c>
      <c r="K68" s="93">
        <v>2.3900000000000001E-2</v>
      </c>
      <c r="L68" s="94">
        <v>1.1022781537237283E-2</v>
      </c>
    </row>
    <row r="69" spans="1:12">
      <c r="A69" s="49" t="s">
        <v>438</v>
      </c>
      <c r="B69" s="49">
        <v>956</v>
      </c>
      <c r="C69" s="159">
        <v>3.5</v>
      </c>
      <c r="D69" s="87">
        <v>0.1176</v>
      </c>
      <c r="E69" s="161">
        <v>0.51600000000000001</v>
      </c>
      <c r="F69" s="97">
        <v>3.2258469746259975E-2</v>
      </c>
      <c r="G69" s="161">
        <v>0.14899999999999999</v>
      </c>
      <c r="H69" s="97">
        <v>2.3078086295386185E-2</v>
      </c>
      <c r="I69" s="161">
        <v>0.309</v>
      </c>
      <c r="J69" s="97">
        <v>2.9848392962229343E-2</v>
      </c>
      <c r="K69" s="96">
        <v>2.5999999999999999E-2</v>
      </c>
      <c r="L69" s="97">
        <v>1.0644325439524102E-2</v>
      </c>
    </row>
    <row r="70" spans="1:12">
      <c r="A70" s="45" t="s">
        <v>439</v>
      </c>
      <c r="B70" s="53">
        <v>895</v>
      </c>
      <c r="C70" s="157">
        <v>3.53</v>
      </c>
      <c r="D70" s="86">
        <v>0.13720000000000002</v>
      </c>
      <c r="E70" s="160">
        <v>0.504</v>
      </c>
      <c r="F70" s="94">
        <v>3.3350809497902492E-2</v>
      </c>
      <c r="G70" s="160">
        <v>0.159</v>
      </c>
      <c r="H70" s="94">
        <v>2.4485945808867156E-2</v>
      </c>
      <c r="I70" s="160">
        <v>0.316</v>
      </c>
      <c r="J70" s="94">
        <v>3.1032983760693508E-2</v>
      </c>
      <c r="K70" s="93">
        <v>2.1000000000000001E-2</v>
      </c>
      <c r="L70" s="94">
        <v>1.0026927461715265E-2</v>
      </c>
    </row>
    <row r="71" spans="1:12">
      <c r="A71" s="49" t="s">
        <v>444</v>
      </c>
      <c r="B71" s="49">
        <v>19</v>
      </c>
      <c r="C71" s="159">
        <v>2.33</v>
      </c>
      <c r="D71" s="87">
        <v>0.86239999999999994</v>
      </c>
      <c r="E71" s="161">
        <v>0.82899999999999996</v>
      </c>
      <c r="F71" s="97">
        <v>0.17502010498701898</v>
      </c>
      <c r="G71" s="161">
        <v>0</v>
      </c>
      <c r="H71" s="97">
        <v>0.11750676951168283</v>
      </c>
      <c r="I71" s="161">
        <v>0.109</v>
      </c>
      <c r="J71" s="97">
        <v>0.1591668525683716</v>
      </c>
      <c r="K71" s="96">
        <v>6.2E-2</v>
      </c>
      <c r="L71" s="97">
        <v>0.1439093209645402</v>
      </c>
    </row>
    <row r="72" spans="1:12">
      <c r="A72" s="45" t="s">
        <v>445</v>
      </c>
      <c r="B72" s="53">
        <v>290</v>
      </c>
      <c r="C72" s="157">
        <v>3.74</v>
      </c>
      <c r="D72" s="86">
        <v>0.21559999999999999</v>
      </c>
      <c r="E72" s="160">
        <v>0.46800000000000003</v>
      </c>
      <c r="F72" s="94">
        <v>5.8204854555342245E-2</v>
      </c>
      <c r="G72" s="160">
        <v>0.16700000000000001</v>
      </c>
      <c r="H72" s="94">
        <v>4.3970902764235847E-2</v>
      </c>
      <c r="I72" s="160">
        <v>0.34</v>
      </c>
      <c r="J72" s="94">
        <v>5.5339626706268352E-2</v>
      </c>
      <c r="K72" s="93">
        <v>2.5000000000000001E-2</v>
      </c>
      <c r="L72" s="94">
        <v>2.036159208755579E-2</v>
      </c>
    </row>
    <row r="73" spans="1:12">
      <c r="A73" s="49" t="s">
        <v>440</v>
      </c>
      <c r="B73" s="49">
        <v>101</v>
      </c>
      <c r="C73" s="159">
        <v>3.57</v>
      </c>
      <c r="D73" s="87">
        <v>0.3528</v>
      </c>
      <c r="E73" s="161">
        <v>0.51900000000000002</v>
      </c>
      <c r="F73" s="97">
        <v>9.7524791644005987E-2</v>
      </c>
      <c r="G73" s="161">
        <v>0.17399999999999999</v>
      </c>
      <c r="H73" s="97">
        <v>7.6011775103812476E-2</v>
      </c>
      <c r="I73" s="161">
        <v>0.28699999999999998</v>
      </c>
      <c r="J73" s="97">
        <v>8.9020456521522587E-2</v>
      </c>
      <c r="K73" s="96">
        <v>0.02</v>
      </c>
      <c r="L73" s="97">
        <v>3.7452150230010986E-2</v>
      </c>
    </row>
    <row r="74" spans="1:12">
      <c r="A74" s="45" t="s">
        <v>441</v>
      </c>
      <c r="B74" s="53">
        <v>94</v>
      </c>
      <c r="C74" s="157">
        <v>4.18</v>
      </c>
      <c r="D74" s="86">
        <v>0.41159999999999997</v>
      </c>
      <c r="E74" s="160">
        <v>0.40500000000000003</v>
      </c>
      <c r="F74" s="94">
        <v>9.9323569205259171E-2</v>
      </c>
      <c r="G74" s="160">
        <v>0.106</v>
      </c>
      <c r="H74" s="94">
        <v>6.6140761343477641E-2</v>
      </c>
      <c r="I74" s="160">
        <v>0.48799999999999999</v>
      </c>
      <c r="J74" s="94">
        <v>0.10098848493703387</v>
      </c>
      <c r="K74" s="93">
        <v>0</v>
      </c>
      <c r="L74" s="94">
        <v>2.8565478049949598E-2</v>
      </c>
    </row>
    <row r="75" spans="1:12">
      <c r="A75" s="49" t="s">
        <v>442</v>
      </c>
      <c r="B75" s="49">
        <v>71</v>
      </c>
      <c r="C75" s="159">
        <v>3.79</v>
      </c>
      <c r="D75" s="87">
        <v>0.47039999999999998</v>
      </c>
      <c r="E75" s="161">
        <v>0.39200000000000002</v>
      </c>
      <c r="F75" s="97">
        <v>0.11303025728243449</v>
      </c>
      <c r="G75" s="161">
        <v>0.248</v>
      </c>
      <c r="H75" s="97">
        <v>0.10147948926425149</v>
      </c>
      <c r="I75" s="161">
        <v>0.314</v>
      </c>
      <c r="J75" s="97">
        <v>0.10807302064807849</v>
      </c>
      <c r="K75" s="96">
        <v>4.5999999999999999E-2</v>
      </c>
      <c r="L75" s="97">
        <v>5.9006630658169509E-2</v>
      </c>
    </row>
    <row r="76" spans="1:12">
      <c r="A76" s="45" t="s">
        <v>446</v>
      </c>
      <c r="B76" s="156">
        <v>98</v>
      </c>
      <c r="C76" s="157">
        <v>3.91</v>
      </c>
      <c r="D76" s="86">
        <v>0.39200000000000002</v>
      </c>
      <c r="E76" s="160">
        <v>0.41599999999999998</v>
      </c>
      <c r="F76" s="94">
        <v>9.7716388444982524E-2</v>
      </c>
      <c r="G76" s="160">
        <v>0.153</v>
      </c>
      <c r="H76" s="94">
        <v>7.3790819808005392E-2</v>
      </c>
      <c r="I76" s="160">
        <v>0.40500000000000003</v>
      </c>
      <c r="J76" s="94">
        <v>9.7350984941199842E-2</v>
      </c>
      <c r="K76" s="93">
        <v>2.5999999999999999E-2</v>
      </c>
      <c r="L76" s="94">
        <v>4.087288979620967E-2</v>
      </c>
    </row>
    <row r="77" spans="1:12">
      <c r="A77" s="49" t="s">
        <v>447</v>
      </c>
      <c r="B77" s="158">
        <v>105</v>
      </c>
      <c r="C77" s="159">
        <v>3.55</v>
      </c>
      <c r="D77" s="87">
        <v>0.3528</v>
      </c>
      <c r="E77" s="161">
        <v>0.49099999999999999</v>
      </c>
      <c r="F77" s="97">
        <v>9.5768228604252562E-2</v>
      </c>
      <c r="G77" s="161">
        <v>0.16400000000000001</v>
      </c>
      <c r="H77" s="97">
        <v>7.3005695207498403E-2</v>
      </c>
      <c r="I77" s="161">
        <v>0.315</v>
      </c>
      <c r="J77" s="97">
        <v>8.9492111529570248E-2</v>
      </c>
      <c r="K77" s="96">
        <v>2.9000000000000001E-2</v>
      </c>
      <c r="L77" s="97">
        <v>4.0247927815671623E-2</v>
      </c>
    </row>
    <row r="78" spans="1:12" ht="25.5">
      <c r="A78" s="45" t="s">
        <v>448</v>
      </c>
      <c r="B78" s="83">
        <v>131</v>
      </c>
      <c r="C78" s="157">
        <v>3.25</v>
      </c>
      <c r="D78" s="86">
        <v>0.3332</v>
      </c>
      <c r="E78" s="160">
        <v>0.57499999999999996</v>
      </c>
      <c r="F78" s="94">
        <v>8.5149697385204795E-2</v>
      </c>
      <c r="G78" s="160">
        <v>0.12</v>
      </c>
      <c r="H78" s="94">
        <v>5.8126367094835284E-2</v>
      </c>
      <c r="I78" s="160">
        <v>0.28999999999999998</v>
      </c>
      <c r="J78" s="94">
        <v>7.8594056373890261E-2</v>
      </c>
      <c r="K78" s="93">
        <v>1.4999999999999999E-2</v>
      </c>
      <c r="L78" s="94">
        <v>2.9063277944501333E-2</v>
      </c>
    </row>
    <row r="79" spans="1:12">
      <c r="A79" s="49" t="s">
        <v>449</v>
      </c>
      <c r="B79" s="158">
        <v>77</v>
      </c>
      <c r="C79" s="159">
        <v>3.02</v>
      </c>
      <c r="D79" s="87">
        <v>0.41159999999999997</v>
      </c>
      <c r="E79" s="161">
        <v>0.64</v>
      </c>
      <c r="F79" s="97">
        <v>0.10710281315882228</v>
      </c>
      <c r="G79" s="161">
        <v>0.152</v>
      </c>
      <c r="H79" s="97">
        <v>8.331453367174442E-2</v>
      </c>
      <c r="I79" s="161">
        <v>0.16300000000000001</v>
      </c>
      <c r="J79" s="97">
        <v>8.5308658474150909E-2</v>
      </c>
      <c r="K79" s="96">
        <v>4.4999999999999998E-2</v>
      </c>
      <c r="L79" s="97">
        <v>5.5740603600118434E-2</v>
      </c>
    </row>
    <row r="80" spans="1:12">
      <c r="A80" s="57" t="s">
        <v>450</v>
      </c>
      <c r="B80" s="156">
        <v>111</v>
      </c>
      <c r="C80" s="157">
        <v>3.58</v>
      </c>
      <c r="D80" s="86">
        <v>0.37240000000000001</v>
      </c>
      <c r="E80" s="160">
        <v>0.504</v>
      </c>
      <c r="F80" s="94">
        <v>9.3247700740731701E-2</v>
      </c>
      <c r="G80" s="160">
        <v>0.16500000000000001</v>
      </c>
      <c r="H80" s="94">
        <v>7.1126631315248448E-2</v>
      </c>
      <c r="I80" s="160">
        <v>0.33</v>
      </c>
      <c r="J80" s="94">
        <v>8.8086019361399218E-2</v>
      </c>
      <c r="K80" s="93">
        <v>1E-3</v>
      </c>
      <c r="L80" s="94">
        <v>2.5035321030250367E-2</v>
      </c>
    </row>
    <row r="81" spans="1:26">
      <c r="A81" s="49" t="s">
        <v>443</v>
      </c>
      <c r="B81" s="158">
        <v>72</v>
      </c>
      <c r="C81" s="159">
        <v>3.83</v>
      </c>
      <c r="D81" s="87">
        <v>0.47039999999999998</v>
      </c>
      <c r="E81" s="161">
        <v>0.46300000000000002</v>
      </c>
      <c r="F81" s="97">
        <v>0.11442563961377082</v>
      </c>
      <c r="G81" s="161">
        <v>0.14699999999999999</v>
      </c>
      <c r="H81" s="97">
        <v>8.5274343508956491E-2</v>
      </c>
      <c r="I81" s="161">
        <v>0.38800000000000001</v>
      </c>
      <c r="J81" s="97">
        <v>0.11209527740890168</v>
      </c>
      <c r="K81" s="96">
        <v>1E-3</v>
      </c>
      <c r="L81" s="97">
        <v>3.7360180122088818E-2</v>
      </c>
    </row>
    <row r="82" spans="1:26">
      <c r="A82" s="57" t="s">
        <v>451</v>
      </c>
      <c r="B82" s="156">
        <v>125</v>
      </c>
      <c r="C82" s="157">
        <v>3.35</v>
      </c>
      <c r="D82" s="86">
        <v>0.37240000000000001</v>
      </c>
      <c r="E82" s="160">
        <v>0.52300000000000002</v>
      </c>
      <c r="F82" s="94">
        <v>8.7957582726085309E-2</v>
      </c>
      <c r="G82" s="160">
        <v>0.14399999999999999</v>
      </c>
      <c r="H82" s="94">
        <v>6.3734367028949662E-2</v>
      </c>
      <c r="I82" s="160">
        <v>0.27400000000000002</v>
      </c>
      <c r="J82" s="94">
        <v>7.9150997934767708E-2</v>
      </c>
      <c r="K82" s="93">
        <v>5.8000000000000003E-2</v>
      </c>
      <c r="L82" s="94">
        <v>4.5431184245420697E-2</v>
      </c>
    </row>
    <row r="90" spans="1:26" ht="18.75">
      <c r="A90" s="324" t="s">
        <v>44</v>
      </c>
      <c r="B90" s="324"/>
      <c r="C90" s="324"/>
      <c r="D90" s="324"/>
      <c r="E90" s="324"/>
      <c r="F90" s="324"/>
      <c r="G90" s="324"/>
      <c r="H90" s="324"/>
      <c r="I90" s="324"/>
      <c r="J90" s="324"/>
      <c r="K90" s="324"/>
      <c r="L90" s="324"/>
    </row>
    <row r="91" spans="1:26" ht="80.25" customHeight="1">
      <c r="A91" s="383" t="s">
        <v>378</v>
      </c>
      <c r="B91" s="383"/>
      <c r="C91" s="383"/>
      <c r="D91" s="383"/>
      <c r="E91" s="383"/>
      <c r="F91" s="383"/>
      <c r="G91" s="383"/>
      <c r="H91" s="383"/>
      <c r="I91" s="383"/>
      <c r="J91" s="383"/>
      <c r="K91" s="383"/>
      <c r="L91" s="383"/>
    </row>
    <row r="92" spans="1:26" ht="50.25" customHeight="1">
      <c r="A92" s="379" t="s">
        <v>316</v>
      </c>
      <c r="B92" s="380"/>
      <c r="C92" s="380"/>
      <c r="D92" s="380"/>
      <c r="E92" s="380"/>
      <c r="F92" s="380"/>
      <c r="G92" s="380"/>
      <c r="H92" s="380"/>
      <c r="I92" s="380"/>
      <c r="J92" s="380"/>
      <c r="K92" s="380"/>
      <c r="L92" s="380"/>
      <c r="N92" s="248"/>
      <c r="O92" s="248"/>
      <c r="P92" s="248"/>
      <c r="Q92" s="248"/>
      <c r="R92" s="248"/>
      <c r="S92" s="248"/>
      <c r="T92" s="248"/>
      <c r="U92" s="248"/>
      <c r="V92" s="248"/>
      <c r="W92" s="248"/>
      <c r="X92" s="248"/>
    </row>
    <row r="93" spans="1:26" ht="38.25" customHeight="1">
      <c r="A93" s="37" t="s">
        <v>85</v>
      </c>
      <c r="B93" s="38" t="s">
        <v>86</v>
      </c>
      <c r="C93" s="39" t="s">
        <v>87</v>
      </c>
      <c r="D93" s="40" t="s">
        <v>88</v>
      </c>
      <c r="E93" s="38" t="s">
        <v>426</v>
      </c>
      <c r="F93" s="40" t="s">
        <v>427</v>
      </c>
      <c r="G93" s="38" t="s">
        <v>422</v>
      </c>
      <c r="H93" s="40" t="s">
        <v>424</v>
      </c>
      <c r="I93" s="38" t="s">
        <v>428</v>
      </c>
      <c r="J93" s="40" t="s">
        <v>429</v>
      </c>
      <c r="K93" s="38" t="s">
        <v>356</v>
      </c>
      <c r="L93" s="89" t="s">
        <v>370</v>
      </c>
      <c r="P93" s="248"/>
      <c r="Q93" s="248"/>
      <c r="R93" s="248"/>
      <c r="S93" s="248"/>
      <c r="T93" s="248"/>
      <c r="U93" s="248"/>
      <c r="V93" s="248"/>
      <c r="W93" s="248"/>
      <c r="X93" s="248"/>
      <c r="Y93" s="248"/>
      <c r="Z93" s="248"/>
    </row>
    <row r="94" spans="1:26" ht="72">
      <c r="A94" s="41"/>
      <c r="B94" s="42" t="s">
        <v>89</v>
      </c>
      <c r="C94" s="126" t="s">
        <v>358</v>
      </c>
      <c r="D94" s="44" t="s">
        <v>91</v>
      </c>
      <c r="E94" s="42" t="s">
        <v>421</v>
      </c>
      <c r="F94" s="44" t="s">
        <v>104</v>
      </c>
      <c r="G94" s="42" t="s">
        <v>423</v>
      </c>
      <c r="H94" s="44" t="s">
        <v>104</v>
      </c>
      <c r="I94" s="42" t="s">
        <v>181</v>
      </c>
      <c r="J94" s="44" t="s">
        <v>104</v>
      </c>
      <c r="K94" s="42" t="s">
        <v>356</v>
      </c>
      <c r="L94" s="91" t="s">
        <v>104</v>
      </c>
      <c r="P94" s="253"/>
      <c r="Q94" s="253"/>
      <c r="R94" s="253"/>
      <c r="S94" s="253"/>
      <c r="T94" s="253"/>
      <c r="U94" s="253"/>
      <c r="V94" s="253"/>
      <c r="W94" s="248"/>
      <c r="X94" s="248"/>
      <c r="Y94" s="248"/>
      <c r="Z94" s="248"/>
    </row>
    <row r="95" spans="1:26">
      <c r="A95" s="45" t="s">
        <v>435</v>
      </c>
      <c r="B95" s="162">
        <v>10767</v>
      </c>
      <c r="C95" s="157">
        <v>4.12</v>
      </c>
      <c r="D95" s="86">
        <v>3.9199999999999999E-2</v>
      </c>
      <c r="E95" s="165">
        <v>0.16</v>
      </c>
      <c r="F95" s="94">
        <v>7.0670842622171217E-3</v>
      </c>
      <c r="G95" s="164">
        <v>0.41200000000000003</v>
      </c>
      <c r="H95" s="94">
        <v>9.4851544785253435E-3</v>
      </c>
      <c r="I95" s="164">
        <v>0.27700000000000002</v>
      </c>
      <c r="J95" s="94">
        <v>8.6248401091277519E-3</v>
      </c>
      <c r="K95" s="93">
        <v>0.151</v>
      </c>
      <c r="L95" s="94">
        <v>6.9023575547351628E-3</v>
      </c>
    </row>
    <row r="96" spans="1:26">
      <c r="A96" s="49" t="s">
        <v>436</v>
      </c>
      <c r="B96" s="163">
        <v>8855</v>
      </c>
      <c r="C96" s="159">
        <v>4.12</v>
      </c>
      <c r="D96" s="87">
        <v>3.9199999999999999E-2</v>
      </c>
      <c r="E96" s="167">
        <v>0.14699999999999999</v>
      </c>
      <c r="F96" s="97">
        <v>7.5277565493569645E-3</v>
      </c>
      <c r="G96" s="166">
        <v>0.39500000000000002</v>
      </c>
      <c r="H96" s="97">
        <v>1.0387784331419975E-2</v>
      </c>
      <c r="I96" s="166">
        <v>0.26300000000000001</v>
      </c>
      <c r="J96" s="97">
        <v>9.3563415436554651E-3</v>
      </c>
      <c r="K96" s="96">
        <v>0.19500000000000001</v>
      </c>
      <c r="L96" s="97">
        <v>8.4211041658892351E-3</v>
      </c>
    </row>
    <row r="97" spans="1:12">
      <c r="A97" s="45" t="s">
        <v>437</v>
      </c>
      <c r="B97" s="162">
        <v>1801</v>
      </c>
      <c r="C97" s="157">
        <v>3.95</v>
      </c>
      <c r="D97" s="86">
        <v>7.8399999999999997E-2</v>
      </c>
      <c r="E97" s="165">
        <v>0.15820000000000001</v>
      </c>
      <c r="F97" s="94">
        <v>1.7212375894735885E-2</v>
      </c>
      <c r="G97" s="164">
        <v>0.42830000000000001</v>
      </c>
      <c r="H97" s="94">
        <v>2.3295375160059667E-2</v>
      </c>
      <c r="I97" s="164">
        <v>0.33699999999999997</v>
      </c>
      <c r="J97" s="94">
        <v>2.2257551956224617E-2</v>
      </c>
      <c r="K97" s="93">
        <v>7.6499999999999999E-2</v>
      </c>
      <c r="L97" s="94">
        <v>1.2582517196983715E-2</v>
      </c>
    </row>
    <row r="98" spans="1:12">
      <c r="A98" s="49" t="s">
        <v>438</v>
      </c>
      <c r="B98" s="163">
        <v>1209</v>
      </c>
      <c r="C98" s="159">
        <v>4.0999999999999996</v>
      </c>
      <c r="D98" s="87">
        <v>9.8000000000000004E-2</v>
      </c>
      <c r="E98" s="167">
        <v>0.14399999999999999</v>
      </c>
      <c r="F98" s="97">
        <v>2.0229391288250399E-2</v>
      </c>
      <c r="G98" s="166">
        <v>0.47399999999999998</v>
      </c>
      <c r="H98" s="97">
        <v>2.8673817363555495E-2</v>
      </c>
      <c r="I98" s="166">
        <v>0.25900000000000001</v>
      </c>
      <c r="J98" s="97">
        <v>2.5182036368012497E-2</v>
      </c>
      <c r="K98" s="96">
        <v>0.124</v>
      </c>
      <c r="L98" s="97">
        <v>1.9007081446108125E-2</v>
      </c>
    </row>
    <row r="99" spans="1:12">
      <c r="A99" s="45" t="s">
        <v>439</v>
      </c>
      <c r="B99" s="162">
        <v>901</v>
      </c>
      <c r="C99" s="157">
        <v>4.1900000000000004</v>
      </c>
      <c r="D99" s="86">
        <v>9.8000000000000004E-2</v>
      </c>
      <c r="E99" s="165">
        <v>0.157</v>
      </c>
      <c r="F99" s="94">
        <v>2.4280924266971569E-2</v>
      </c>
      <c r="G99" s="164">
        <v>0.41900000000000004</v>
      </c>
      <c r="H99" s="94">
        <v>3.2805933274039696E-2</v>
      </c>
      <c r="I99" s="164">
        <v>0.24399999999999999</v>
      </c>
      <c r="J99" s="94">
        <v>2.8598345853598488E-2</v>
      </c>
      <c r="K99" s="93">
        <v>0.18</v>
      </c>
      <c r="L99" s="94">
        <v>2.5619674151220403E-2</v>
      </c>
    </row>
    <row r="100" spans="1:12">
      <c r="A100" s="49" t="s">
        <v>444</v>
      </c>
      <c r="B100" s="163">
        <v>84</v>
      </c>
      <c r="C100" s="159">
        <v>3.65</v>
      </c>
      <c r="D100" s="87">
        <v>0.3528</v>
      </c>
      <c r="E100" s="167">
        <v>0.14000000000000001</v>
      </c>
      <c r="F100" s="97">
        <v>7.7434444293449353E-2</v>
      </c>
      <c r="G100" s="166">
        <v>0.46500000000000002</v>
      </c>
      <c r="H100" s="97">
        <v>0.10636212429171736</v>
      </c>
      <c r="I100" s="166">
        <v>0.371</v>
      </c>
      <c r="J100" s="97">
        <v>0.10331712784837258</v>
      </c>
      <c r="K100" s="96">
        <v>2.3E-2</v>
      </c>
      <c r="L100" s="97">
        <v>4.4048193289636092E-2</v>
      </c>
    </row>
    <row r="101" spans="1:12">
      <c r="A101" s="45" t="s">
        <v>445</v>
      </c>
      <c r="B101" s="162">
        <v>305</v>
      </c>
      <c r="C101" s="157">
        <v>3.81</v>
      </c>
      <c r="D101" s="86">
        <v>0.19600000000000001</v>
      </c>
      <c r="E101" s="165">
        <v>8.6999999999999994E-2</v>
      </c>
      <c r="F101" s="94">
        <v>3.2939769138751046E-2</v>
      </c>
      <c r="G101" s="164">
        <v>0.39</v>
      </c>
      <c r="H101" s="94">
        <v>5.5530538084316558E-2</v>
      </c>
      <c r="I101" s="164">
        <v>0.32600000000000001</v>
      </c>
      <c r="J101" s="94">
        <v>5.3426630116374385E-2</v>
      </c>
      <c r="K101" s="93">
        <v>0.19700000000000001</v>
      </c>
      <c r="L101" s="94">
        <v>4.5588925494115549E-2</v>
      </c>
    </row>
    <row r="102" spans="1:12">
      <c r="A102" s="49" t="s">
        <v>440</v>
      </c>
      <c r="B102" s="163">
        <v>106</v>
      </c>
      <c r="C102" s="159">
        <v>3.96</v>
      </c>
      <c r="D102" s="87">
        <v>0.29399999999999998</v>
      </c>
      <c r="E102" s="167">
        <v>0.13300000000000001</v>
      </c>
      <c r="F102" s="97">
        <v>6.7400691250660533E-2</v>
      </c>
      <c r="G102" s="166">
        <v>0.36899999999999999</v>
      </c>
      <c r="H102" s="97">
        <v>9.2257422563344765E-2</v>
      </c>
      <c r="I102" s="166">
        <v>0.316</v>
      </c>
      <c r="J102" s="97">
        <v>8.9149820023474421E-2</v>
      </c>
      <c r="K102" s="96">
        <v>0.184</v>
      </c>
      <c r="L102" s="97">
        <v>7.5624482220008143E-2</v>
      </c>
    </row>
    <row r="103" spans="1:12">
      <c r="A103" s="45" t="s">
        <v>441</v>
      </c>
      <c r="B103" s="162">
        <v>96</v>
      </c>
      <c r="C103" s="157">
        <v>4.09</v>
      </c>
      <c r="D103" s="86">
        <v>0.31359999999999999</v>
      </c>
      <c r="E103" s="165">
        <v>9.9000000000000005E-2</v>
      </c>
      <c r="F103" s="94">
        <v>6.3814041840334804E-2</v>
      </c>
      <c r="G103" s="164">
        <v>0.42000000000000004</v>
      </c>
      <c r="H103" s="94">
        <v>9.8813310844237986E-2</v>
      </c>
      <c r="I103" s="164">
        <v>0.25700000000000001</v>
      </c>
      <c r="J103" s="94">
        <v>8.8448955132324772E-2</v>
      </c>
      <c r="K103" s="93">
        <v>0.224</v>
      </c>
      <c r="L103" s="94">
        <v>8.4804763639786188E-2</v>
      </c>
    </row>
    <row r="104" spans="1:12">
      <c r="A104" s="49" t="s">
        <v>442</v>
      </c>
      <c r="B104" s="163">
        <v>80</v>
      </c>
      <c r="C104" s="159">
        <v>3.24</v>
      </c>
      <c r="D104" s="87">
        <v>0.37240000000000001</v>
      </c>
      <c r="E104" s="167">
        <v>3.4000000000000002E-2</v>
      </c>
      <c r="F104" s="97">
        <v>5.0253219075267648E-2</v>
      </c>
      <c r="G104" s="166">
        <v>0.31499999999999995</v>
      </c>
      <c r="H104" s="97">
        <v>0.1021103315746008</v>
      </c>
      <c r="I104" s="166">
        <v>0.45300000000000001</v>
      </c>
      <c r="J104" s="97">
        <v>0.10867083804776746</v>
      </c>
      <c r="K104" s="96">
        <v>0.19800000000000001</v>
      </c>
      <c r="L104" s="97">
        <v>8.9249592088360086E-2</v>
      </c>
    </row>
    <row r="105" spans="1:12">
      <c r="A105" s="45" t="s">
        <v>446</v>
      </c>
      <c r="B105" s="162">
        <v>114</v>
      </c>
      <c r="C105" s="157">
        <v>4.57</v>
      </c>
      <c r="D105" s="86">
        <v>0.27440000000000003</v>
      </c>
      <c r="E105" s="165">
        <v>0.255</v>
      </c>
      <c r="F105" s="94">
        <v>8.1089094565068937E-2</v>
      </c>
      <c r="G105" s="164">
        <v>0.48099999999999998</v>
      </c>
      <c r="H105" s="94">
        <v>9.1995405145563799E-2</v>
      </c>
      <c r="I105" s="164">
        <v>0.14800000000000002</v>
      </c>
      <c r="J105" s="94">
        <v>6.748606728993152E-2</v>
      </c>
      <c r="K105" s="93">
        <v>0.115</v>
      </c>
      <c r="L105" s="94">
        <v>6.1521342010833278E-2</v>
      </c>
    </row>
    <row r="106" spans="1:12">
      <c r="A106" s="49" t="s">
        <v>447</v>
      </c>
      <c r="B106" s="163">
        <v>107</v>
      </c>
      <c r="C106" s="159">
        <v>4.2300000000000004</v>
      </c>
      <c r="D106" s="87">
        <v>0.27440000000000003</v>
      </c>
      <c r="E106" s="167">
        <v>0.182</v>
      </c>
      <c r="F106" s="97">
        <v>7.498537923677763E-2</v>
      </c>
      <c r="G106" s="166">
        <v>0.46600000000000003</v>
      </c>
      <c r="H106" s="97">
        <v>9.4711665641531467E-2</v>
      </c>
      <c r="I106" s="166">
        <v>0.23599999999999999</v>
      </c>
      <c r="J106" s="97">
        <v>8.1701859274170355E-2</v>
      </c>
      <c r="K106" s="96">
        <v>0.11600000000000001</v>
      </c>
      <c r="L106" s="97">
        <v>6.3807134426546078E-2</v>
      </c>
    </row>
    <row r="107" spans="1:12" ht="25.5">
      <c r="A107" s="45" t="s">
        <v>448</v>
      </c>
      <c r="B107" s="162">
        <v>148</v>
      </c>
      <c r="C107" s="157">
        <v>4.38</v>
      </c>
      <c r="D107" s="86">
        <v>0.23519999999999999</v>
      </c>
      <c r="E107" s="165">
        <v>0.13</v>
      </c>
      <c r="F107" s="94">
        <v>5.6244404882832548E-2</v>
      </c>
      <c r="G107" s="164">
        <v>0.54499999999999993</v>
      </c>
      <c r="H107" s="94">
        <v>8.0798673874083279E-2</v>
      </c>
      <c r="I107" s="164">
        <v>0.17799999999999999</v>
      </c>
      <c r="J107" s="94">
        <v>6.3183369169984169E-2</v>
      </c>
      <c r="K107" s="93">
        <v>0.14799999999999999</v>
      </c>
      <c r="L107" s="94">
        <v>5.9056497718111098E-2</v>
      </c>
    </row>
    <row r="108" spans="1:12">
      <c r="A108" s="49" t="s">
        <v>449</v>
      </c>
      <c r="B108" s="163">
        <v>173</v>
      </c>
      <c r="C108" s="159">
        <v>4.17</v>
      </c>
      <c r="D108" s="87">
        <v>0.23519999999999999</v>
      </c>
      <c r="E108" s="167">
        <v>0.124</v>
      </c>
      <c r="F108" s="97">
        <v>5.0966184362706786E-2</v>
      </c>
      <c r="G108" s="166">
        <v>0.59299999999999997</v>
      </c>
      <c r="H108" s="97">
        <v>7.391207146389607E-2</v>
      </c>
      <c r="I108" s="166">
        <v>0.22</v>
      </c>
      <c r="J108" s="97">
        <v>6.2905805871274756E-2</v>
      </c>
      <c r="K108" s="96">
        <v>6.3E-2</v>
      </c>
      <c r="L108" s="97">
        <v>3.9075426889932992E-2</v>
      </c>
    </row>
    <row r="109" spans="1:12">
      <c r="A109" s="57" t="s">
        <v>450</v>
      </c>
      <c r="B109" s="162">
        <v>129</v>
      </c>
      <c r="C109" s="157">
        <v>3.6</v>
      </c>
      <c r="D109" s="86">
        <v>0.31359999999999999</v>
      </c>
      <c r="E109" s="165">
        <v>0.10199999999999999</v>
      </c>
      <c r="F109" s="94">
        <v>5.5109127841399451E-2</v>
      </c>
      <c r="G109" s="164">
        <v>0.33999999999999997</v>
      </c>
      <c r="H109" s="94">
        <v>8.242867848820426E-2</v>
      </c>
      <c r="I109" s="164">
        <v>0.375</v>
      </c>
      <c r="J109" s="94">
        <v>8.4123202979969933E-2</v>
      </c>
      <c r="K109" s="93">
        <v>0.182</v>
      </c>
      <c r="L109" s="94">
        <v>6.824704752684442E-2</v>
      </c>
    </row>
    <row r="110" spans="1:12">
      <c r="A110" s="49" t="s">
        <v>443</v>
      </c>
      <c r="B110" s="163">
        <v>75</v>
      </c>
      <c r="C110" s="159">
        <v>3.58</v>
      </c>
      <c r="D110" s="87">
        <v>0.41159999999999997</v>
      </c>
      <c r="E110" s="167">
        <v>0.114</v>
      </c>
      <c r="F110" s="97">
        <v>7.6542442175655478E-2</v>
      </c>
      <c r="G110" s="166">
        <v>0.29499999999999998</v>
      </c>
      <c r="H110" s="97">
        <v>0.10363591505371557</v>
      </c>
      <c r="I110" s="166">
        <v>0.376</v>
      </c>
      <c r="J110" s="97">
        <v>0.10934595984787832</v>
      </c>
      <c r="K110" s="96">
        <v>0.215</v>
      </c>
      <c r="L110" s="97">
        <v>9.4612355174676602E-2</v>
      </c>
    </row>
    <row r="111" spans="1:12">
      <c r="A111" s="57" t="s">
        <v>451</v>
      </c>
      <c r="B111" s="162">
        <v>148</v>
      </c>
      <c r="C111" s="157">
        <v>4.82</v>
      </c>
      <c r="D111" s="86">
        <v>0.25480000000000003</v>
      </c>
      <c r="E111" s="165">
        <v>0.24399999999999999</v>
      </c>
      <c r="F111" s="94">
        <v>7.0312811985991999E-2</v>
      </c>
      <c r="G111" s="164">
        <v>0.48</v>
      </c>
      <c r="H111" s="94">
        <v>8.1049168901104113E-2</v>
      </c>
      <c r="I111" s="164">
        <v>0.14399999999999999</v>
      </c>
      <c r="J111" s="94">
        <v>5.8455234441330418E-2</v>
      </c>
      <c r="K111" s="93">
        <v>0.13100000000000001</v>
      </c>
      <c r="L111" s="94">
        <v>5.6408070087934595E-2</v>
      </c>
    </row>
  </sheetData>
  <mergeCells count="13">
    <mergeCell ref="A63:L63"/>
    <mergeCell ref="A62:L62"/>
    <mergeCell ref="A61:L61"/>
    <mergeCell ref="A92:L92"/>
    <mergeCell ref="A91:L91"/>
    <mergeCell ref="A90:L90"/>
    <mergeCell ref="A3:D3"/>
    <mergeCell ref="A4:D4"/>
    <mergeCell ref="A5:D5"/>
    <mergeCell ref="B34:J34"/>
    <mergeCell ref="K34:S34"/>
    <mergeCell ref="A33:S33"/>
    <mergeCell ref="A32:S32"/>
  </mergeCells>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2</vt:i4>
      </vt:variant>
    </vt:vector>
  </HeadingPairs>
  <TitlesOfParts>
    <vt:vector size="12" baseType="lpstr">
      <vt:lpstr>Cover</vt:lpstr>
      <vt:lpstr>Explanatory notes</vt:lpstr>
      <vt:lpstr>About the region</vt:lpstr>
      <vt:lpstr>Index of tables</vt:lpstr>
      <vt:lpstr>1 IndividualWellbeing</vt:lpstr>
      <vt:lpstr>2 CommunityWellbeing</vt:lpstr>
      <vt:lpstr>3 FinancialCapital</vt:lpstr>
      <vt:lpstr>4 HumanCapital</vt:lpstr>
      <vt:lpstr>5 InstitutionalCapital</vt:lpstr>
      <vt:lpstr>6 SocialCapital</vt:lpstr>
      <vt:lpstr>7 PhysicalCapital</vt:lpstr>
      <vt:lpstr>8 NaturalCapital</vt:lpstr>
    </vt:vector>
  </TitlesOfParts>
  <Company>University of Canberr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431240</dc:creator>
  <cp:lastModifiedBy>s431240</cp:lastModifiedBy>
  <dcterms:created xsi:type="dcterms:W3CDTF">2014-05-19T04:59:05Z</dcterms:created>
  <dcterms:modified xsi:type="dcterms:W3CDTF">2018-11-01T23:59:26Z</dcterms:modified>
</cp:coreProperties>
</file>